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13 - 2021 - 499., 064. (Príprava) Echokardiografický prístroj 2ks\03. Príprava\04. PTK\01. Odoslanie PTK\"/>
    </mc:Choice>
  </mc:AlternateContent>
  <bookViews>
    <workbookView xWindow="0" yWindow="0" windowWidth="23040" windowHeight="9195"/>
  </bookViews>
  <sheets>
    <sheet name="Cenová ponuka" sheetId="8" r:id="rId1"/>
  </sheets>
  <definedNames>
    <definedName name="_xlnm.Print_Area" localSheetId="0">'Cenová ponuka'!$B$1:$F$313</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34" i="8" l="1"/>
  <c r="F33" i="8"/>
</calcChain>
</file>

<file path=xl/sharedStrings.xml><?xml version="1.0" encoding="utf-8"?>
<sst xmlns="http://schemas.openxmlformats.org/spreadsheetml/2006/main" count="554" uniqueCount="351">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33112340-3   Echokardiografy</t>
  </si>
  <si>
    <t>51410000-9   Inštalácia lekárskych zariadení</t>
  </si>
  <si>
    <t>50421000-2   Opravy a údržba lekárskych zariadení</t>
  </si>
  <si>
    <t>33141641-5   Sondy</t>
  </si>
  <si>
    <t>Položka č. 3</t>
  </si>
  <si>
    <t>Položka č. 4</t>
  </si>
  <si>
    <t>2.1</t>
  </si>
  <si>
    <t>2.2</t>
  </si>
  <si>
    <t>7.</t>
  </si>
  <si>
    <t>12.</t>
  </si>
  <si>
    <t>13.</t>
  </si>
  <si>
    <t>15.</t>
  </si>
  <si>
    <t>16.</t>
  </si>
  <si>
    <t>17.</t>
  </si>
  <si>
    <t>18.</t>
  </si>
  <si>
    <t>19.</t>
  </si>
  <si>
    <t>20.</t>
  </si>
  <si>
    <t>21.</t>
  </si>
  <si>
    <t>22.</t>
  </si>
  <si>
    <t>23.</t>
  </si>
  <si>
    <t>xxx</t>
  </si>
  <si>
    <t>Požaduje sa uzatvorenie kúpnej zmluvy.</t>
  </si>
  <si>
    <t>v pracovných dňoch,</t>
  </si>
  <si>
    <t>v čase od 08:00 hod. do 14:30 hod.,</t>
  </si>
  <si>
    <t>2.3</t>
  </si>
  <si>
    <t>2.4</t>
  </si>
  <si>
    <t>2.5</t>
  </si>
  <si>
    <t>2.6</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protokol o zaškolení zamestnancov objednávateľa s obsluhou prístroj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vykonanie akýchkoľvek neplánovaných opráv a údržby, ktoré nevyplývajú zo servisného plánu výrobcu zariadenia, ak takáto oprava je nevyhnutná za účelom zabezpečenia prevádzky zariadenia, vrátane generálnej opravy,</t>
  </si>
  <si>
    <t>Dodávateľ je povinný počas trvania záručnej doby odstrániť vady v nasledujúcich lehotách od nástupu na opravu:</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4.</t>
  </si>
  <si>
    <t>25.</t>
  </si>
  <si>
    <t>Echokardiografický prístroj pre Kliniku angiológie a echokardiografický prístroj pre Kardiochirurgiu - Operačné sály vrátane pozáručného servisu</t>
  </si>
  <si>
    <t xml:space="preserve">Echokardiografický prístroj pre Kliniku angiológie </t>
  </si>
  <si>
    <t>Echokardiografický prístroj pre Kardiochirurgiu - Operačné sály</t>
  </si>
  <si>
    <t>mesiac</t>
  </si>
  <si>
    <t>2x prémiový echokardiografický prístroj najvyššej triedy s možnosťou trojrozmerného zobrazenia transtorakálne 3D TTE a transezofágove 3D TEE, s funkciou Stress echo a vaskulárnym programom pre dospelých pacientov vrátane príslušenstva a pozáručného servisu.</t>
  </si>
  <si>
    <t xml:space="preserve">Položka č. 1 - Echokardiografický prístroj pre Kliniku angiológie </t>
  </si>
  <si>
    <t>Frekvenčný rozsah prístroja:  Min. 1 – 20 MHz</t>
  </si>
  <si>
    <t>Počet digitálne spracovaných kanálov:  Min. 7 000 000</t>
  </si>
  <si>
    <t>Dynamický rozsah prístroja:  Min. 320 dB</t>
  </si>
  <si>
    <t>Max. vzorkovacia frekvencia pre 2D zobrazenie:   Min. 2800 fps</t>
  </si>
  <si>
    <t>Počet aktívnych portov pre pripojenie sond:   Min. 4</t>
  </si>
  <si>
    <t>Plochý OLED monitor na artikulačnom ramene s uhlopriečkou:   Min. 21, 5 palcov</t>
  </si>
  <si>
    <t>Línie skladania obrazu (compounding)</t>
  </si>
  <si>
    <t>Ovládanie pomocou podsvietených aktívnych tlačidiel a pomocou farebného dotykového ovládacieho panela o veľkosti:   Min. 12 palcov</t>
  </si>
  <si>
    <t>Ovládací panel smerovo nastaviteľný</t>
  </si>
  <si>
    <t>Ovládací panel výškovo nastaviteľný:   Min. 0 – 20 cm</t>
  </si>
  <si>
    <t>Hĺbka zobrazenia:   Min. 40 cm</t>
  </si>
  <si>
    <t>Kapacita interného disku:   Min. 1 TB</t>
  </si>
  <si>
    <t>Hmotnosť prístroja bez prídavných zariadení:  Max. 105 kg</t>
  </si>
  <si>
    <t>Širokopásmová technológia vysielania ultrazvukového signálu – sondy vysielajú a prijímajú naraz frekvencie celého ich frekvenčného pásma</t>
  </si>
  <si>
    <t>Možnosť nastavenia individuálnych prednastavení pre každý typ sondy</t>
  </si>
  <si>
    <t xml:space="preserve">Funkcia redukcie šumu „SPECKLE“ </t>
  </si>
  <si>
    <t>Funkcia automatického nastavenia obrazu s adaptívnou kompenzáciou zisku v 2D režime</t>
  </si>
  <si>
    <t>Štandardné zobrazovacie režimy: 2D,CFM, PW, CW, TDI, anatomický M mód, M mód,  3D/4D, real time biplanárne zobrazenie</t>
  </si>
  <si>
    <t>Energetický doppler s rozlíšením smeru toku</t>
  </si>
  <si>
    <t>Režimy objemového zobrazenia: live 3D zoom, full volume, 3D CFM, cropping, ortogonálne flexibilné MPR zobrazenie, protiľahlé rezy</t>
  </si>
  <si>
    <t>HD zoom kontinuálny zoom:   Min. 16x</t>
  </si>
  <si>
    <t>Kardiologický SW s meraniami a kalkuláciami</t>
  </si>
  <si>
    <t>Stress echo</t>
  </si>
  <si>
    <t>26.</t>
  </si>
  <si>
    <t>27.</t>
  </si>
  <si>
    <t>28.</t>
  </si>
  <si>
    <t>29.</t>
  </si>
  <si>
    <t>Automatický výpočet EF a objemu ĽK a ĽP z 3D zobrazenia vychádzajúci zo znalostnej bázy</t>
  </si>
  <si>
    <t>Kvantifikácia ĽK so semiautomatickou detekciou hraníc myokardu, prístroj musí byť schopný analýzy pohybov srdcového svalu na základe „SPECKLE“ tracking metódy (kardio strain) s možnosťou zobrazenia výsledku vo formáte tzv. „bull eye“ .</t>
  </si>
  <si>
    <t>Kvantifikácia ĽK so semiautomatickou detekciou hraníc myokardu, prístroj umožňuje semiautomatickú analýzu ľavej komory. Automatický výpočet EF, výpočet objemov na konci systoly a diastoly, výpočet Simpsonovou metódou</t>
  </si>
  <si>
    <t xml:space="preserve">SW umožňuje modelovanie a analýzu mitrálnej chlopne z dát zosnímaných pri objemovom 4D TEE vyšetrovaní  </t>
  </si>
  <si>
    <t>SW, ktorý umožňuje na základe znalostnej databázy automatické rozpoznanie štruktúr srdca, detekovať jeho segmenty a analyzovať ľavú komoru a ľavú predsieň, ako aj automatický vypočítať ich objemov a tiež EDV a ESV. SW automaticky zobrazuje 2D roviny ľavej komory a predsiene z aplikálneho pohľadu ako aj z krátkej osi, detekuje a vyznačuje hranice komôr srdca a vytvára model srdca</t>
  </si>
  <si>
    <t>Balík nadštandardných programov:</t>
  </si>
  <si>
    <t>29.1</t>
  </si>
  <si>
    <t>29.2</t>
  </si>
  <si>
    <t>29.3</t>
  </si>
  <si>
    <t>29.4</t>
  </si>
  <si>
    <t>SW pre analýzu objemových dát umožňujúci 2D merania na zosnímaných 3D dátach ako aj vytváranie multiplanárnych rekonštrukcií</t>
  </si>
  <si>
    <t>SW pre analýzu objemových dát ľavej komory, umožňujúci objemové a časové analýzy, 3D rendering, meranie tzv. true 3D objemu a EF ĽK</t>
  </si>
  <si>
    <t>Plne automatizovaný SW na meranie globálneho longitudálneho strainu ľavej predsiene (LA) stlačením jedného tlačidla. Poskytuje merania LA GLS v rôznych fázach srdcového cyklu, Podporuje snímky s alebo bez EKG.</t>
  </si>
  <si>
    <t>Plne automatizovaný nástroj na meranie globálnej pozdĺžnej deformácie pravej komory (RV) stlačením jedného tlačidla. Podporuje snímky s alebo bez EKG.</t>
  </si>
  <si>
    <t>29.5</t>
  </si>
  <si>
    <t>29.6</t>
  </si>
  <si>
    <t>29.7</t>
  </si>
  <si>
    <t>SW umožňujúci záťažové vyšetrenia tzv. stress echo s možnosťou vyhodnotenia kinetiky myokradu na základe metódy „speckle tracking“</t>
  </si>
  <si>
    <t>vytváranie modelu mitrálnej chlopne</t>
  </si>
  <si>
    <t>SW pre vyšetrenia s kontrastnými látkami a vyhodnotením časového nárastu intenzity kontrastu</t>
  </si>
  <si>
    <t>SW umožňujúci globálne hodnotenie ĽK a LP (objemové analýzy, EF, AFF...) s EKG aj bez potreby EKG z 2D ako aj biplane nasnímaných dát</t>
  </si>
  <si>
    <t>29.8</t>
  </si>
  <si>
    <t>Fotorealistická technológia vykresľovania 3D obrazu, ktorá napodobňuje šírenie svetla v tkanive. Zahŕňa svetelný zdroj, ktorým je možné pohybovať kdekoľvek v rámci 3D datasetov. Tento nástroj musí byť k dispozícii v režime Live imaging, ako aj v režime Rewiew, na transtorakálnej aj transezofageálnej matrixovej sonde. Zároveň umožňuje manipuláciu s 3D datasetmi na dotykovej obrazovke.</t>
  </si>
  <si>
    <t>30.</t>
  </si>
  <si>
    <t>Ukladanie obrázkov a slučiek bez potreby zadania demografických údajov pacienta: generovanie vlastného ID</t>
  </si>
  <si>
    <t>31.</t>
  </si>
  <si>
    <t>Video výstup s rozlíšením:   Min. 1920 x 1080</t>
  </si>
  <si>
    <t>Archivácia obrázkov a slučiek vo formátoch na ďalšie spracovanie dát a vo formátoch pre prezeranie na PC, min. BMP/JPEG, AVI, DICOM 3.0, DICOM pripojenie na PACS, wifi a surové dáta s pripojením na PC workstation</t>
  </si>
  <si>
    <t>32.</t>
  </si>
  <si>
    <t>33.</t>
  </si>
  <si>
    <t>34.</t>
  </si>
  <si>
    <t>35.</t>
  </si>
  <si>
    <t>Čiernobiela tlačiareň na termocitlivý papier</t>
  </si>
  <si>
    <t>Príslušenstvo:</t>
  </si>
  <si>
    <t>35.1</t>
  </si>
  <si>
    <t>35.1.1</t>
  </si>
  <si>
    <t>Sektorová monokryštalická matrixová sonda:</t>
  </si>
  <si>
    <t>schopná 2D a live 3D zobrazenia</t>
  </si>
  <si>
    <t xml:space="preserve">s počtom elementov min. 3000 </t>
  </si>
  <si>
    <t>s frekvenčným rozsahom najmenej 1-5 MHz</t>
  </si>
  <si>
    <t>35.1.2</t>
  </si>
  <si>
    <t>35.1.3</t>
  </si>
  <si>
    <t>35.2</t>
  </si>
  <si>
    <t>35.3</t>
  </si>
  <si>
    <t>TEE matrixová sonda:</t>
  </si>
  <si>
    <t xml:space="preserve">schopná 2D/3D/4D zobrazenia </t>
  </si>
  <si>
    <t xml:space="preserve">s počtom elementov minim. 2500 </t>
  </si>
  <si>
    <t>s frekvenčným rozsahom minim. 2-8 MHz</t>
  </si>
  <si>
    <t xml:space="preserve">Lineárna sonda pre cievne vyšetrenia </t>
  </si>
  <si>
    <t xml:space="preserve">s počtom elementov minim. 160 </t>
  </si>
  <si>
    <t>s frekvenčným rozsahom minim. 3-12 MHz.</t>
  </si>
  <si>
    <t>35.2.1</t>
  </si>
  <si>
    <t>35.2.2</t>
  </si>
  <si>
    <t>35.2.3</t>
  </si>
  <si>
    <t>35.3.1</t>
  </si>
  <si>
    <t>35.3.2</t>
  </si>
  <si>
    <t>Položka č. 2 - Echokardiografický prístroj pre Kardiochirurgiu - Operačné sály</t>
  </si>
  <si>
    <t>Konvexná širokopásmová monokryštalická sonda</t>
  </si>
  <si>
    <t>s vysokou kvalitou zobrazovania v hĺbke</t>
  </si>
  <si>
    <t>s počtom elementov najmenej 160</t>
  </si>
  <si>
    <t>s kontrastným aj harmonickým zobrazovaním</t>
  </si>
  <si>
    <t>s rozsahom najmenej 1,4-4 MHz</t>
  </si>
  <si>
    <t>35.1.4</t>
  </si>
  <si>
    <t>35.1.5</t>
  </si>
  <si>
    <t>35.1.6</t>
  </si>
  <si>
    <t>35.1.7</t>
  </si>
  <si>
    <t>Lineárna ultra širokopásmová sonda</t>
  </si>
  <si>
    <t>s technológiou vysokej kvality zobrazenia aj harmonického zobrazenia</t>
  </si>
  <si>
    <t>s rozsahom najmenej 4-12 MHz</t>
  </si>
  <si>
    <t>musí umožňovať zobrazenie 2D, PW, CW, SFM, high-PRF</t>
  </si>
  <si>
    <t>musí umožňovať zobrazenie 2D, 3D,  PW, color doppler</t>
  </si>
  <si>
    <t>35.2.4</t>
  </si>
  <si>
    <t>35.2.5</t>
  </si>
  <si>
    <t xml:space="preserve">Sonda musí podporovať technológiu energetického dopplera s rozlíšením smeru toku, technológiu skladania obrazu z viacerých línií a technológiu redukcie  ultrazvukových artefaktov a umožňovať navigáciu pri punkciách. </t>
  </si>
  <si>
    <t>Sonda musí podporovať technológiu skladania obrazu z viacerých línií a technológiu redukcie ultrazvukových artefaktov a umožňovať navigáciu pri punkciách.</t>
  </si>
  <si>
    <t>Sonda musí umožňovať kontrastné zobrazenie a multivariačné harmonické, alebo harmonické zobrazenie.</t>
  </si>
  <si>
    <t>35.1.8</t>
  </si>
  <si>
    <t xml:space="preserve">Určená pre brušné vaskulárne a intervenčné vyšetrenia dospelých aj detí. </t>
  </si>
  <si>
    <t>Určená pre brušné vaskulárne a intervenčné vyšetrenia dospelých aj detí.</t>
  </si>
  <si>
    <t>Sektorová matrixová monokryštalická sonda</t>
  </si>
  <si>
    <t>35.3.3</t>
  </si>
  <si>
    <t>35.3.4</t>
  </si>
  <si>
    <t>35.3.5</t>
  </si>
  <si>
    <t>s počtom najmenej 3000 elementov</t>
  </si>
  <si>
    <t>s technológiou vysokej kvality zobrazenia v hĺbke aj harmonického zobrazenia vrátane LVO</t>
  </si>
  <si>
    <t>s rozsahom najmenej 1,4-5 MHz</t>
  </si>
  <si>
    <t xml:space="preserve">musí umožňovať zobrazenie 2D, 3D, PW, CW, High-PRF, tissue doppler aj color doppler.  </t>
  </si>
  <si>
    <t>Sonda musí podporovať elektronickú rotáciu rovín obrazu o 180 stupńov, technológiu redukcie ultrazvukových artefaktov a 3D/4D ako aj 3D color zobrazenie.</t>
  </si>
  <si>
    <t xml:space="preserve">musí umožňovať rotáciu 0-360 stupňov. </t>
  </si>
  <si>
    <t>35.3.6</t>
  </si>
  <si>
    <t>Požaduje sa poskytovať službu (pozáručný servis) najmä v nasledovnom rozsahu:</t>
  </si>
  <si>
    <t>preventívna údržba systémov v počte 1-2 pracovných dní za kalendárny rok v rozsahu podľa manuálu určeného výrobcom systému,</t>
  </si>
  <si>
    <t>za účelom vykonania preventívnej údržby si zmluvné strany po uzatvorení zmluvy vypracujú Plán údržby, v ktorom sa dohodnú na termínoch pre preventívnu údržbu,</t>
  </si>
  <si>
    <t>1.1</t>
  </si>
  <si>
    <t>zmenu týchto termínov je možné uskutočniť len vzájomnou dohodou zmluvných strán, pričom takéto zmeny musia byť dohodnuté vždy včas, aby nebola narušená prevádzka objednávateľa.</t>
  </si>
  <si>
    <t>1.2</t>
  </si>
  <si>
    <t>všetky práce spojené s opravami systémov,</t>
  </si>
  <si>
    <t>všetky dodávky originálnych náhradných dielov v potrebnom množstve, vrátane dodávok výrobkov (ultrazvukové sondy) pričom:</t>
  </si>
  <si>
    <t>dodávka originálnych náhradných dielov podľa tohto bodu v sebe zahŕňa aj všetky práce s tým spojené (napr. montáž, výmena a pod.),</t>
  </si>
  <si>
    <t>3.1</t>
  </si>
  <si>
    <t>ak dôjde k výmene vadných dielov za bezvadné, vymenené vadné diely budú dodávateľovi odovzdané</t>
  </si>
  <si>
    <t>3.2</t>
  </si>
  <si>
    <t>3.3</t>
  </si>
  <si>
    <t>Objednávateľ si vyhradzuje právo, kedykoľvek vyzvať dodávateľa na preukázanie originality dodávaných náhradných dielov.</t>
  </si>
  <si>
    <t>udržiavanie prevádzkyschopnosti hardwarovej časti systémov,</t>
  </si>
  <si>
    <t>elektrické revízie 1x ročne v zmysle platných právnych predpisov,</t>
  </si>
  <si>
    <t>6.1</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6.2</t>
  </si>
  <si>
    <t>cestovné a všetky náklady spojené s činnosťou servisného pracovníka počas výkonu činnosti uvedených v bode 1. až 6.</t>
  </si>
  <si>
    <t>vrátane náhradných dielov a príslušenstva (SONDY).</t>
  </si>
  <si>
    <t>Pozáručný servis pre položku č.1</t>
  </si>
  <si>
    <t>Pozáručný servis pre položku č.2</t>
  </si>
  <si>
    <t>Položka č. 4 - Pozáručný servis pre položku č.2</t>
  </si>
  <si>
    <t>Položka č. 3 - Pozáručný servis pre položku č.1</t>
  </si>
  <si>
    <t>Položka č. 1 a č. 2</t>
  </si>
  <si>
    <t>Položka č. 3 a č. 4</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servisnú starostlivosť v pracovných dňoch v čase od 07:00 hod. do 17:00 hod, ak sa zmluvné strany nedohodnú inak.</t>
  </si>
  <si>
    <t>Požaduje sa, aby v prípade vykonania opravy, na ktorú objednávateľ dodávateľa vopred upozorní, bola oprava vykonaná nasledovne:</t>
  </si>
  <si>
    <t>nástup na výkon opravy do 24 hodín od nahlásenia vady/poruchy v pracovných dňoch v čase od 07:00 hod. do 17:00 hod.,</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záručný servis bude hradený formou mesačných paušálnych odmien uvedených v Prílohe č. 1 - Kalkulácia ceny.</t>
  </si>
  <si>
    <t>Požaduje sa platbu za plnenie realizovať bezhotovostným platobným stykom na základe faktúry doručenej dodávateľom.
Dodávateľ vystaví faktúru za plnenie služby v súlade s ustanovením § 73 zákona č. 222/2004 Z.z. o dani z pridanej hodnoty, najneskôr však do piateho (5) pracovného dňa v kalendárnom mesiaci, nasledujúcom po mesiaci, v ktorom došlo k poskytnutiu servisnej starostlivosti, pričom odmena je dohodnutá v súlade so zákonom č. 18/1996 Z.z. o cenách v znení neskorších predpisov a vyhláškou č. 87/1996
Z.z., ktorou sa vykonáva zákon č. 18/1996 Z.z. o cenách, ako cena za vykonávanie servisnej starostlivosti.</t>
  </si>
  <si>
    <t>Požaduje sa, aby dodávateľ vystavoval faktúry so splatnosťou do 60 dní odo dňa jej doručenia objednávateľovi (§ 340b ods. 5 zákona č. 513/1991 Z.z. Obchodný zákonník) pričom:</t>
  </si>
  <si>
    <t>11.1</t>
  </si>
  <si>
    <t>11.2</t>
  </si>
  <si>
    <t>Dodávateľ berie na vedomie, že v prípade, ak dôjde zo strany Objednávateľa k vyradeniu niektorého z prístrojov počas trvania tejto zmluvy, je Dodávateľ oprávnený faktúrovať Objednávateľovi len takú paušálnu mesačnú odmenu, ktorá je
ponížená o sumu, ktorá zodpovedala vyradenému prístroju, a to vždy k mesiacu, ktorý nasleduje po mesiaci, v ktorom Objednávateľ písomne Dodávateľovi oznámil vyradenie daného prístroja.</t>
  </si>
  <si>
    <t>Požaduje sa poskytovať pozáručný servis najmä v rozsahu uvedenom v časti  TECHNICKÁ ŠPECIFIKÁCIA PREDMETU ZÁKAZKY pri položke č. 3 a č. 4.</t>
  </si>
  <si>
    <t>Požaduje sa poskytovanie pozáručného servisu pre položky č. 1 a č. 2 po dobu 8 rokov (96 mesiacov), pričom za začiatok tohto poskytovania sa považuje deň nasledujúci po poslednom dni záručnej doby.</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požiadavky uvedenej v bode 14. tejto
časti.</t>
  </si>
  <si>
    <t>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servisný softwarový upgrade,</t>
  </si>
  <si>
    <t>do tridsiatich (30) pracovných dní od dňa nadobudnutia účinnosti zmluvy resp. odo dňa doručenia Oznámenia o splnení objednávateľom stanovených podmienok a požiadaviek na predmet zákazky dodávateľovi (ďalej len "Oznámenie"),</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12.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14.2.</t>
  </si>
  <si>
    <t>14.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14.8.</t>
  </si>
  <si>
    <t>práce (servisné hodiny) a dojazdy servisných technikov dodávateľa do miesta inštalácie zariadenia v rámci zabezpečenia záručného servisu,</t>
  </si>
  <si>
    <t>14.9.</t>
  </si>
  <si>
    <t>14.10.</t>
  </si>
  <si>
    <t xml:space="preserve">technická telefonická podpora v pracovných dňoch v rozsahu podľa bodu 13 tejto časti, a zároveň poradenstvo pri prevádzkovaní zariadenia prostredníctvom klientského pracoviska dodávateľa 24 hodín denne a 7 dní v týždni, pričom dodávateľ musí garantovať funkčnosť a prevádzku tohto klientskeho pracoviska. </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15.1.</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16.1.</t>
  </si>
  <si>
    <t>oprava vady, pri ktorej nie je potrebná dodávka náhradného dielu najneskôr do štyridsiatichôsmich (48) hodín,</t>
  </si>
  <si>
    <t>16.2.</t>
  </si>
  <si>
    <t>oprava vady s dodávkou náhradného dielu najneskôr do sedemdesiatichdvoch (72) hodín.</t>
  </si>
  <si>
    <t>17.1.</t>
  </si>
  <si>
    <t>nedodržanie lehoty príchodu servisného technika alebo nezačatie odstraňovania vady formou vzdialeného prístupu : 50,-€ (slovom: jednosto Eur) za každú začatú hodinu omeškania, najviac však do výšky 10% kúpnej ceny zariadenia a to pre každý jednotlivý prípad omeškania dodávateľa,</t>
  </si>
  <si>
    <t>17.2.</t>
  </si>
  <si>
    <t>nedodržanie dohodnutých lehôt na odstránenie vady i: 50,-€ (jednosto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uzavretej zmluvy a nižšou cenou.</t>
  </si>
  <si>
    <t xml:space="preserve">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uzavretej zmluvy a nižšou cenou. </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službu  vykonávať v súlade so známymi a najnovšími technologickými poznatkami výrobcu systému.</t>
  </si>
  <si>
    <t>Požaduje sa garantovať prevádzkyschopnosť zariadení minimálne 95% počas doby poskytovania služieb.</t>
  </si>
  <si>
    <t>prílohou faktúry za služby, ktoré sú predmetom položky č.1, je zmluvnými stranami potvrdený rozsah poskytnutej služby s uvedením dátumu jej poskytnutia  v príslušnom kalendárnom mesiaci.</t>
  </si>
  <si>
    <t>Požaduje sa, aby počas trvania  zmluvy dodávateľ vykonával autorizovaný servis.</t>
  </si>
  <si>
    <t>Požaduje sa, aby počas trvania zmluvy dodávateľ vykonával činnosti uvedené v  zmluve prostredníctvom osôb / servisných technikov s odborným vyškolením výrobcom prístroja.</t>
  </si>
  <si>
    <t>Požaduje sa, aby dodávateľ mal počas trvania  zmluvy uzatvorenú zmluvu o poistení zodpovednosti za škodu spôsobenú v súvislosti s poskytovaním služieb servisnej starostlivosti podľa tejto zmluvy s poistným krytím minimálne vo výške zmluvnej ceny za služby servisnej starostlivosti.</t>
  </si>
  <si>
    <t>Požaduje sa dodanie zariadenia:</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u/>
      <sz val="11"/>
      <color theme="10"/>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right style="medium">
        <color indexed="64"/>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style="medium">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5" fillId="0" borderId="0" applyNumberFormat="0" applyFill="0" applyBorder="0" applyAlignment="0" applyProtection="0"/>
  </cellStyleXfs>
  <cellXfs count="14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49" fontId="4" fillId="0" borderId="9"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10" fillId="0" borderId="10" xfId="0" applyNumberFormat="1" applyFont="1" applyBorder="1" applyAlignment="1">
      <alignment horizontal="center" vertical="center" wrapText="1"/>
    </xf>
    <xf numFmtId="49" fontId="4" fillId="0" borderId="8" xfId="0" applyNumberFormat="1" applyFont="1" applyBorder="1" applyAlignment="1">
      <alignment horizontal="left" vertical="center"/>
    </xf>
    <xf numFmtId="49" fontId="2" fillId="0" borderId="8" xfId="0" applyNumberFormat="1" applyFont="1" applyBorder="1" applyAlignment="1">
      <alignment horizontal="right" vertical="center"/>
    </xf>
    <xf numFmtId="49" fontId="2" fillId="5" borderId="8" xfId="0" applyNumberFormat="1" applyFont="1" applyFill="1" applyBorder="1" applyAlignment="1">
      <alignment horizontal="center" vertical="center"/>
    </xf>
    <xf numFmtId="49" fontId="4" fillId="5" borderId="10"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25" xfId="0" applyNumberFormat="1" applyFont="1" applyFill="1" applyBorder="1" applyAlignment="1">
      <alignment horizontal="left" vertical="center"/>
    </xf>
    <xf numFmtId="49" fontId="2" fillId="0" borderId="25" xfId="0" applyNumberFormat="1" applyFont="1" applyFill="1" applyBorder="1" applyAlignment="1">
      <alignment horizontal="center" vertical="center"/>
    </xf>
    <xf numFmtId="0" fontId="2" fillId="0" borderId="29" xfId="0" applyNumberFormat="1" applyFont="1" applyBorder="1" applyAlignment="1">
      <alignment horizontal="center" vertical="center" wrapText="1"/>
    </xf>
    <xf numFmtId="49" fontId="2" fillId="0" borderId="8" xfId="0" applyNumberFormat="1" applyFont="1" applyFill="1" applyBorder="1" applyAlignment="1">
      <alignment vertical="center" wrapText="1"/>
    </xf>
    <xf numFmtId="49" fontId="2" fillId="0" borderId="11" xfId="0" applyNumberFormat="1" applyFont="1" applyFill="1" applyBorder="1" applyAlignment="1">
      <alignment vertical="center" wrapText="1"/>
    </xf>
    <xf numFmtId="0" fontId="14" fillId="0" borderId="10" xfId="0" applyFont="1" applyFill="1" applyBorder="1" applyAlignment="1">
      <alignment horizontal="left" vertical="center" wrapText="1"/>
    </xf>
    <xf numFmtId="0" fontId="4" fillId="0" borderId="20" xfId="6" applyFont="1" applyFill="1" applyBorder="1" applyAlignment="1">
      <alignment vertical="center" wrapText="1"/>
    </xf>
    <xf numFmtId="0" fontId="14" fillId="0" borderId="10" xfId="0" applyFont="1" applyFill="1" applyBorder="1" applyAlignment="1">
      <alignment horizontal="justify" vertical="center"/>
    </xf>
    <xf numFmtId="0" fontId="4" fillId="0" borderId="9" xfId="0" applyNumberFormat="1" applyFont="1" applyFill="1" applyBorder="1" applyAlignment="1">
      <alignment horizontal="left" vertical="center" wrapText="1"/>
    </xf>
    <xf numFmtId="0" fontId="2" fillId="0" borderId="9"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xf>
    <xf numFmtId="0" fontId="2" fillId="0" borderId="21"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30"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2" fillId="0" borderId="8" xfId="0" applyNumberFormat="1" applyFont="1" applyFill="1" applyBorder="1" applyAlignment="1">
      <alignment horizontal="left" vertical="center"/>
    </xf>
    <xf numFmtId="49" fontId="2" fillId="0" borderId="10" xfId="0" applyNumberFormat="1" applyFont="1" applyFill="1" applyBorder="1" applyAlignment="1">
      <alignment horizontal="left" vertical="center"/>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10" fillId="0" borderId="10" xfId="0" applyNumberFormat="1" applyFont="1" applyBorder="1" applyAlignment="1">
      <alignment horizontal="left" vertical="center" wrapText="1"/>
    </xf>
    <xf numFmtId="49" fontId="10" fillId="0" borderId="9"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7">
    <cellStyle name="Hypertextové prepojenie" xfId="6" builtinId="8"/>
    <cellStyle name="Normálna 2" xfId="2"/>
    <cellStyle name="Normálne" xfId="0" builtinId="0"/>
    <cellStyle name="Normálne 2" xfId="3"/>
    <cellStyle name="normálne 2 2" xfId="1"/>
    <cellStyle name="normálne 2 2 2" xfId="4"/>
    <cellStyle name="Normálne 4" xfId="5"/>
  </cellStyles>
  <dxfs count="5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3.xml"/><Relationship Id="rId3" Type="http://schemas.openxmlformats.org/officeDocument/2006/relationships/printerSettings" Target="../printerSettings/printerSettings1.bin"/><Relationship Id="rId7" Type="http://schemas.openxmlformats.org/officeDocument/2006/relationships/ctrlProp" Target="../ctrlProps/ctrlProp2.xml"/><Relationship Id="rId2" Type="http://schemas.openxmlformats.org/officeDocument/2006/relationships/hyperlink" Target="http://www.vusch.sk/" TargetMode="External"/><Relationship Id="rId1" Type="http://schemas.openxmlformats.org/officeDocument/2006/relationships/hyperlink" Target="http://www.vusch.sk/" TargetMode="External"/><Relationship Id="rId6" Type="http://schemas.openxmlformats.org/officeDocument/2006/relationships/ctrlProp" Target="../ctrlProps/ctrlProp1.xml"/><Relationship Id="rId5" Type="http://schemas.openxmlformats.org/officeDocument/2006/relationships/vmlDrawing" Target="../drawings/vmlDrawing1.vml"/><Relationship Id="rId4" Type="http://schemas.openxmlformats.org/officeDocument/2006/relationships/drawing" Target="../drawings/drawing1.xml"/><Relationship Id="rId9" Type="http://schemas.openxmlformats.org/officeDocument/2006/relationships/ctrlProp" Target="../ctrlProps/ctrlProp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328"/>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0" t="s">
        <v>50</v>
      </c>
      <c r="C1" s="130"/>
      <c r="D1" s="130"/>
      <c r="E1" s="130"/>
      <c r="F1" s="130"/>
    </row>
    <row r="2" spans="2:6" ht="27.75" customHeight="1" x14ac:dyDescent="0.2">
      <c r="B2" s="129" t="s">
        <v>47</v>
      </c>
      <c r="C2" s="129"/>
      <c r="D2" s="129"/>
      <c r="E2" s="129"/>
      <c r="F2" s="129"/>
    </row>
    <row r="3" spans="2:6" ht="54.75" customHeight="1" x14ac:dyDescent="0.2">
      <c r="B3" s="110" t="s">
        <v>54</v>
      </c>
      <c r="C3" s="110"/>
      <c r="D3" s="110"/>
      <c r="E3" s="110"/>
      <c r="F3" s="110"/>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111" t="s">
        <v>5</v>
      </c>
      <c r="C7" s="111"/>
      <c r="D7" s="111"/>
      <c r="E7" s="111"/>
      <c r="F7" s="111"/>
    </row>
    <row r="8" spans="2:6" s="2" customFormat="1" ht="20.100000000000001" customHeight="1" x14ac:dyDescent="0.25">
      <c r="B8" s="112" t="s">
        <v>9</v>
      </c>
      <c r="C8" s="112"/>
      <c r="D8" s="112"/>
      <c r="E8" s="112"/>
      <c r="F8" s="112"/>
    </row>
    <row r="9" spans="2:6" ht="24.95" customHeight="1" x14ac:dyDescent="0.2">
      <c r="B9" s="113" t="s">
        <v>122</v>
      </c>
      <c r="C9" s="113"/>
      <c r="D9" s="113"/>
      <c r="E9" s="113"/>
      <c r="F9" s="113"/>
    </row>
    <row r="10" spans="2:6" ht="4.5" customHeight="1" x14ac:dyDescent="0.2">
      <c r="B10" s="41"/>
      <c r="C10" s="41"/>
      <c r="D10" s="41"/>
      <c r="E10" s="41"/>
      <c r="F10" s="41"/>
    </row>
    <row r="11" spans="2:6" s="2" customFormat="1" ht="20.100000000000001" customHeight="1" x14ac:dyDescent="0.25">
      <c r="B11" s="114" t="s">
        <v>10</v>
      </c>
      <c r="C11" s="114"/>
      <c r="D11" s="114"/>
      <c r="E11" s="114"/>
      <c r="F11" s="114"/>
    </row>
    <row r="12" spans="2:6" s="2" customFormat="1" ht="20.100000000000001" customHeight="1" x14ac:dyDescent="0.25">
      <c r="B12" s="107" t="s">
        <v>72</v>
      </c>
      <c r="C12" s="107"/>
      <c r="D12" s="107"/>
      <c r="E12" s="46"/>
      <c r="F12" s="46"/>
    </row>
    <row r="13" spans="2:6" s="2" customFormat="1" ht="20.100000000000001" customHeight="1" x14ac:dyDescent="0.25">
      <c r="B13" s="107" t="s">
        <v>75</v>
      </c>
      <c r="C13" s="107"/>
      <c r="D13" s="107"/>
      <c r="E13" s="62"/>
      <c r="F13" s="62"/>
    </row>
    <row r="14" spans="2:6" s="2" customFormat="1" ht="20.100000000000001" customHeight="1" x14ac:dyDescent="0.25">
      <c r="B14" s="107" t="s">
        <v>73</v>
      </c>
      <c r="C14" s="107"/>
      <c r="D14" s="107"/>
      <c r="E14" s="50"/>
      <c r="F14" s="50"/>
    </row>
    <row r="15" spans="2:6" s="2" customFormat="1" ht="20.100000000000001" customHeight="1" x14ac:dyDescent="0.25">
      <c r="B15" s="107" t="s">
        <v>74</v>
      </c>
      <c r="C15" s="107"/>
      <c r="D15" s="107"/>
      <c r="E15" s="54"/>
      <c r="F15" s="54"/>
    </row>
    <row r="16" spans="2:6" s="3" customFormat="1" ht="20.100000000000001" customHeight="1" x14ac:dyDescent="0.25">
      <c r="B16" s="107" t="s">
        <v>27</v>
      </c>
      <c r="C16" s="107"/>
      <c r="D16" s="107"/>
      <c r="E16" s="19"/>
      <c r="F16" s="20"/>
    </row>
    <row r="17" spans="2:6" ht="4.5" customHeight="1" x14ac:dyDescent="0.2">
      <c r="B17" s="47"/>
      <c r="C17" s="47"/>
      <c r="D17" s="47"/>
      <c r="E17" s="41"/>
      <c r="F17" s="41"/>
    </row>
    <row r="18" spans="2:6" ht="20.100000000000001" customHeight="1" x14ac:dyDescent="0.2">
      <c r="B18" s="40" t="s">
        <v>11</v>
      </c>
      <c r="C18" s="21"/>
      <c r="D18" s="21"/>
      <c r="E18" s="22"/>
      <c r="F18" s="22"/>
    </row>
    <row r="19" spans="2:6" s="3" customFormat="1" ht="24.95" customHeight="1" x14ac:dyDescent="0.25">
      <c r="B19" s="140" t="s">
        <v>70</v>
      </c>
      <c r="C19" s="140"/>
      <c r="D19" s="140"/>
      <c r="E19" s="19"/>
      <c r="F19" s="20"/>
    </row>
    <row r="20" spans="2:6" ht="5.0999999999999996" customHeight="1" x14ac:dyDescent="0.2">
      <c r="B20" s="141"/>
      <c r="C20" s="141"/>
      <c r="D20" s="141"/>
      <c r="F20" s="15"/>
    </row>
    <row r="21" spans="2:6" s="2" customFormat="1" ht="20.100000000000001" customHeight="1" x14ac:dyDescent="0.25">
      <c r="B21" s="111" t="s">
        <v>24</v>
      </c>
      <c r="C21" s="111"/>
      <c r="D21" s="111"/>
      <c r="E21" s="111"/>
      <c r="F21" s="111"/>
    </row>
    <row r="22" spans="2:6" ht="33.75" customHeight="1" x14ac:dyDescent="0.2">
      <c r="B22" s="121" t="s">
        <v>126</v>
      </c>
      <c r="C22" s="121"/>
      <c r="D22" s="121"/>
      <c r="E22" s="121"/>
      <c r="F22" s="121"/>
    </row>
    <row r="23" spans="2:6" ht="5.0999999999999996" customHeight="1" x14ac:dyDescent="0.2">
      <c r="B23" s="141"/>
      <c r="C23" s="141"/>
      <c r="D23" s="141"/>
      <c r="F23" s="15"/>
    </row>
    <row r="24" spans="2:6" s="2" customFormat="1" ht="20.100000000000001" customHeight="1" x14ac:dyDescent="0.25">
      <c r="B24" s="111" t="s">
        <v>25</v>
      </c>
      <c r="C24" s="111"/>
      <c r="D24" s="111"/>
      <c r="E24" s="111"/>
      <c r="F24" s="111"/>
    </row>
    <row r="25" spans="2:6" s="9" customFormat="1" ht="20.100000000000001" customHeight="1" x14ac:dyDescent="0.25">
      <c r="B25" s="144" t="s">
        <v>6</v>
      </c>
      <c r="C25" s="144"/>
      <c r="D25" s="144"/>
      <c r="E25" s="144"/>
      <c r="F25" s="144"/>
    </row>
    <row r="26" spans="2:6" s="9" customFormat="1" ht="20.100000000000001" customHeight="1" x14ac:dyDescent="0.25">
      <c r="B26" s="131" t="s">
        <v>18</v>
      </c>
      <c r="C26" s="132"/>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31" t="s">
        <v>19</v>
      </c>
      <c r="C29" s="132"/>
      <c r="D29" s="14"/>
      <c r="E29" s="14"/>
      <c r="F29" s="14"/>
    </row>
    <row r="30" spans="2:6" s="9" customFormat="1" ht="31.5" customHeight="1" x14ac:dyDescent="0.25">
      <c r="B30" s="17" t="s">
        <v>20</v>
      </c>
      <c r="C30" s="145" t="s">
        <v>13</v>
      </c>
      <c r="D30" s="146"/>
      <c r="E30" s="18" t="s">
        <v>12</v>
      </c>
      <c r="F30" s="18" t="s">
        <v>14</v>
      </c>
    </row>
    <row r="31" spans="2:6" s="9" customFormat="1" ht="24.95" customHeight="1" x14ac:dyDescent="0.25">
      <c r="B31" s="48" t="s">
        <v>2</v>
      </c>
      <c r="C31" s="108" t="s">
        <v>123</v>
      </c>
      <c r="D31" s="109"/>
      <c r="E31" s="16" t="s">
        <v>1</v>
      </c>
      <c r="F31" s="49">
        <v>1</v>
      </c>
    </row>
    <row r="32" spans="2:6" s="9" customFormat="1" ht="24.95" customHeight="1" x14ac:dyDescent="0.25">
      <c r="B32" s="48" t="s">
        <v>69</v>
      </c>
      <c r="C32" s="108" t="s">
        <v>124</v>
      </c>
      <c r="D32" s="109"/>
      <c r="E32" s="55" t="s">
        <v>1</v>
      </c>
      <c r="F32" s="49">
        <v>1</v>
      </c>
    </row>
    <row r="33" spans="2:7" s="9" customFormat="1" ht="24.95" customHeight="1" x14ac:dyDescent="0.25">
      <c r="B33" s="48" t="s">
        <v>76</v>
      </c>
      <c r="C33" s="108" t="s">
        <v>266</v>
      </c>
      <c r="D33" s="109"/>
      <c r="E33" s="55" t="s">
        <v>125</v>
      </c>
      <c r="F33" s="49">
        <f>8*12</f>
        <v>96</v>
      </c>
    </row>
    <row r="34" spans="2:7" s="9" customFormat="1" ht="24.95" customHeight="1" x14ac:dyDescent="0.25">
      <c r="B34" s="48" t="s">
        <v>77</v>
      </c>
      <c r="C34" s="108" t="s">
        <v>267</v>
      </c>
      <c r="D34" s="109"/>
      <c r="E34" s="55" t="s">
        <v>125</v>
      </c>
      <c r="F34" s="49">
        <f>8*12</f>
        <v>96</v>
      </c>
    </row>
    <row r="35" spans="2:7" s="9" customFormat="1" ht="4.5" customHeight="1" x14ac:dyDescent="0.25">
      <c r="B35" s="14"/>
      <c r="C35" s="14"/>
      <c r="D35" s="14"/>
      <c r="E35" s="14"/>
      <c r="F35" s="14"/>
    </row>
    <row r="36" spans="2:7" s="9" customFormat="1" ht="20.100000000000001" customHeight="1" x14ac:dyDescent="0.25">
      <c r="B36" s="131" t="s">
        <v>21</v>
      </c>
      <c r="C36" s="132"/>
      <c r="D36" s="14"/>
      <c r="E36" s="14"/>
      <c r="F36" s="14"/>
    </row>
    <row r="37" spans="2:7" s="9" customFormat="1" ht="20.100000000000001" customHeight="1" x14ac:dyDescent="0.2">
      <c r="B37" s="10"/>
      <c r="C37" s="9" t="s">
        <v>3</v>
      </c>
      <c r="D37" s="14"/>
      <c r="E37" s="14"/>
      <c r="F37" s="14"/>
    </row>
    <row r="38" spans="2:7" s="9" customFormat="1" ht="20.100000000000001" customHeight="1" x14ac:dyDescent="0.25">
      <c r="B38" s="13"/>
      <c r="C38" s="2" t="s">
        <v>4</v>
      </c>
      <c r="D38" s="14"/>
      <c r="E38" s="14"/>
      <c r="F38" s="14"/>
    </row>
    <row r="39" spans="2:7" ht="5.0999999999999996" customHeight="1" x14ac:dyDescent="0.2"/>
    <row r="40" spans="2:7" s="2" customFormat="1" ht="20.100000000000001" customHeight="1" x14ac:dyDescent="0.25">
      <c r="B40" s="111" t="s">
        <v>26</v>
      </c>
      <c r="C40" s="111"/>
      <c r="D40" s="111"/>
      <c r="E40" s="111"/>
      <c r="F40" s="111"/>
    </row>
    <row r="41" spans="2:7" s="2" customFormat="1" ht="5.0999999999999996" customHeight="1" thickBot="1" x14ac:dyDescent="0.3">
      <c r="B41" s="15"/>
      <c r="D41" s="6"/>
      <c r="E41" s="6"/>
      <c r="F41" s="6"/>
    </row>
    <row r="42" spans="2:7" s="3" customFormat="1" ht="93" customHeight="1" x14ac:dyDescent="0.25">
      <c r="B42" s="117" t="s">
        <v>0</v>
      </c>
      <c r="C42" s="118"/>
      <c r="D42" s="135" t="s">
        <v>28</v>
      </c>
      <c r="E42" s="136"/>
      <c r="F42" s="137"/>
      <c r="G42" s="23"/>
    </row>
    <row r="43" spans="2:7" s="3" customFormat="1" ht="30" customHeight="1" thickBot="1" x14ac:dyDescent="0.3">
      <c r="B43" s="119"/>
      <c r="C43" s="120"/>
      <c r="D43" s="24" t="s">
        <v>29</v>
      </c>
      <c r="E43" s="142" t="s">
        <v>30</v>
      </c>
      <c r="F43" s="143"/>
    </row>
    <row r="44" spans="2:7" s="25" customFormat="1" ht="30.75" customHeight="1" x14ac:dyDescent="0.25">
      <c r="B44" s="91" t="s">
        <v>127</v>
      </c>
      <c r="C44" s="93"/>
      <c r="D44" s="93"/>
      <c r="E44" s="93"/>
      <c r="F44" s="94"/>
    </row>
    <row r="45" spans="2:7" s="4" customFormat="1" ht="24.95" customHeight="1" x14ac:dyDescent="0.25">
      <c r="B45" s="69" t="s">
        <v>16</v>
      </c>
      <c r="C45" s="45" t="s">
        <v>128</v>
      </c>
      <c r="D45" s="68"/>
      <c r="E45" s="115"/>
      <c r="F45" s="116"/>
    </row>
    <row r="46" spans="2:7" s="4" customFormat="1" ht="24.95" customHeight="1" x14ac:dyDescent="0.25">
      <c r="B46" s="69" t="s">
        <v>59</v>
      </c>
      <c r="C46" s="45" t="s">
        <v>129</v>
      </c>
      <c r="D46" s="68"/>
      <c r="E46" s="115"/>
      <c r="F46" s="116"/>
    </row>
    <row r="47" spans="2:7" s="4" customFormat="1" ht="24.95" customHeight="1" x14ac:dyDescent="0.25">
      <c r="B47" s="69" t="s">
        <v>60</v>
      </c>
      <c r="C47" s="45" t="s">
        <v>130</v>
      </c>
      <c r="D47" s="52"/>
      <c r="E47" s="105"/>
      <c r="F47" s="106"/>
    </row>
    <row r="48" spans="2:7" s="4" customFormat="1" ht="24.95" customHeight="1" x14ac:dyDescent="0.25">
      <c r="B48" s="69" t="s">
        <v>61</v>
      </c>
      <c r="C48" s="45" t="s">
        <v>131</v>
      </c>
      <c r="D48" s="52"/>
      <c r="E48" s="103"/>
      <c r="F48" s="104"/>
    </row>
    <row r="49" spans="2:6" s="4" customFormat="1" ht="24.95" customHeight="1" x14ac:dyDescent="0.25">
      <c r="B49" s="69" t="s">
        <v>62</v>
      </c>
      <c r="C49" s="45" t="s">
        <v>132</v>
      </c>
      <c r="D49" s="52"/>
      <c r="E49" s="103"/>
      <c r="F49" s="104"/>
    </row>
    <row r="50" spans="2:6" s="4" customFormat="1" ht="24.95" customHeight="1" x14ac:dyDescent="0.25">
      <c r="B50" s="69" t="s">
        <v>63</v>
      </c>
      <c r="C50" s="45" t="s">
        <v>133</v>
      </c>
      <c r="D50" s="52"/>
      <c r="E50" s="103"/>
      <c r="F50" s="104"/>
    </row>
    <row r="51" spans="2:6" s="4" customFormat="1" ht="24.95" customHeight="1" x14ac:dyDescent="0.25">
      <c r="B51" s="69" t="s">
        <v>80</v>
      </c>
      <c r="C51" s="45" t="s">
        <v>134</v>
      </c>
      <c r="D51" s="52"/>
      <c r="E51" s="103"/>
      <c r="F51" s="104"/>
    </row>
    <row r="52" spans="2:6" s="4" customFormat="1" ht="29.25" customHeight="1" x14ac:dyDescent="0.25">
      <c r="B52" s="69" t="s">
        <v>64</v>
      </c>
      <c r="C52" s="45" t="s">
        <v>135</v>
      </c>
      <c r="D52" s="52"/>
      <c r="E52" s="103"/>
      <c r="F52" s="104"/>
    </row>
    <row r="53" spans="2:6" s="4" customFormat="1" ht="24.95" customHeight="1" x14ac:dyDescent="0.25">
      <c r="B53" s="69" t="s">
        <v>65</v>
      </c>
      <c r="C53" s="45" t="s">
        <v>136</v>
      </c>
      <c r="D53" s="52"/>
      <c r="E53" s="103"/>
      <c r="F53" s="104"/>
    </row>
    <row r="54" spans="2:6" s="4" customFormat="1" ht="24.95" customHeight="1" x14ac:dyDescent="0.25">
      <c r="B54" s="69" t="s">
        <v>66</v>
      </c>
      <c r="C54" s="45" t="s">
        <v>137</v>
      </c>
      <c r="D54" s="52"/>
      <c r="E54" s="103"/>
      <c r="F54" s="104"/>
    </row>
    <row r="55" spans="2:6" s="4" customFormat="1" ht="24.95" customHeight="1" x14ac:dyDescent="0.25">
      <c r="B55" s="69" t="s">
        <v>67</v>
      </c>
      <c r="C55" s="45" t="s">
        <v>138</v>
      </c>
      <c r="D55" s="52"/>
      <c r="E55" s="103"/>
      <c r="F55" s="104"/>
    </row>
    <row r="56" spans="2:6" s="4" customFormat="1" ht="24.95" customHeight="1" x14ac:dyDescent="0.25">
      <c r="B56" s="69" t="s">
        <v>81</v>
      </c>
      <c r="C56" s="45" t="s">
        <v>139</v>
      </c>
      <c r="D56" s="52"/>
      <c r="E56" s="103"/>
      <c r="F56" s="104"/>
    </row>
    <row r="57" spans="2:6" s="4" customFormat="1" ht="24.95" customHeight="1" x14ac:dyDescent="0.25">
      <c r="B57" s="69" t="s">
        <v>82</v>
      </c>
      <c r="C57" s="45" t="s">
        <v>140</v>
      </c>
      <c r="D57" s="52"/>
      <c r="E57" s="103"/>
      <c r="F57" s="104"/>
    </row>
    <row r="58" spans="2:6" s="4" customFormat="1" ht="30" customHeight="1" x14ac:dyDescent="0.25">
      <c r="B58" s="63" t="s">
        <v>68</v>
      </c>
      <c r="C58" s="45" t="s">
        <v>141</v>
      </c>
      <c r="D58" s="52"/>
      <c r="E58" s="103"/>
      <c r="F58" s="104"/>
    </row>
    <row r="59" spans="2:6" s="4" customFormat="1" ht="24.95" customHeight="1" x14ac:dyDescent="0.25">
      <c r="B59" s="63" t="s">
        <v>83</v>
      </c>
      <c r="C59" s="45" t="s">
        <v>142</v>
      </c>
      <c r="D59" s="52"/>
      <c r="E59" s="105"/>
      <c r="F59" s="106"/>
    </row>
    <row r="60" spans="2:6" s="4" customFormat="1" ht="24.95" customHeight="1" x14ac:dyDescent="0.25">
      <c r="B60" s="63" t="s">
        <v>84</v>
      </c>
      <c r="C60" s="45" t="s">
        <v>143</v>
      </c>
      <c r="D60" s="52"/>
      <c r="E60" s="103"/>
      <c r="F60" s="104"/>
    </row>
    <row r="61" spans="2:6" s="4" customFormat="1" ht="30" customHeight="1" x14ac:dyDescent="0.25">
      <c r="B61" s="63" t="s">
        <v>85</v>
      </c>
      <c r="C61" s="45" t="s">
        <v>144</v>
      </c>
      <c r="D61" s="52"/>
      <c r="E61" s="103"/>
      <c r="F61" s="104"/>
    </row>
    <row r="62" spans="2:6" s="4" customFormat="1" ht="30" customHeight="1" x14ac:dyDescent="0.25">
      <c r="B62" s="63" t="s">
        <v>86</v>
      </c>
      <c r="C62" s="45" t="s">
        <v>145</v>
      </c>
      <c r="D62" s="52"/>
      <c r="E62" s="103"/>
      <c r="F62" s="104"/>
    </row>
    <row r="63" spans="2:6" s="4" customFormat="1" ht="24.95" customHeight="1" x14ac:dyDescent="0.25">
      <c r="B63" s="63" t="s">
        <v>87</v>
      </c>
      <c r="C63" s="45" t="s">
        <v>146</v>
      </c>
      <c r="D63" s="52"/>
      <c r="E63" s="103"/>
      <c r="F63" s="104"/>
    </row>
    <row r="64" spans="2:6" s="4" customFormat="1" ht="30" customHeight="1" x14ac:dyDescent="0.25">
      <c r="B64" s="63" t="s">
        <v>88</v>
      </c>
      <c r="C64" s="45" t="s">
        <v>147</v>
      </c>
      <c r="D64" s="52"/>
      <c r="E64" s="103"/>
      <c r="F64" s="104"/>
    </row>
    <row r="65" spans="2:6" s="4" customFormat="1" ht="24.95" customHeight="1" x14ac:dyDescent="0.25">
      <c r="B65" s="63" t="s">
        <v>89</v>
      </c>
      <c r="C65" s="45" t="s">
        <v>148</v>
      </c>
      <c r="D65" s="52"/>
      <c r="E65" s="103"/>
      <c r="F65" s="104"/>
    </row>
    <row r="66" spans="2:6" s="4" customFormat="1" ht="24.95" customHeight="1" x14ac:dyDescent="0.25">
      <c r="B66" s="63" t="s">
        <v>90</v>
      </c>
      <c r="C66" s="45" t="s">
        <v>149</v>
      </c>
      <c r="D66" s="52"/>
      <c r="E66" s="103"/>
      <c r="F66" s="104"/>
    </row>
    <row r="67" spans="2:6" s="4" customFormat="1" ht="24.95" customHeight="1" x14ac:dyDescent="0.25">
      <c r="B67" s="63" t="s">
        <v>91</v>
      </c>
      <c r="C67" s="45" t="s">
        <v>150</v>
      </c>
      <c r="D67" s="52"/>
      <c r="E67" s="103"/>
      <c r="F67" s="104"/>
    </row>
    <row r="68" spans="2:6" s="4" customFormat="1" ht="30" customHeight="1" x14ac:dyDescent="0.25">
      <c r="B68" s="63" t="s">
        <v>120</v>
      </c>
      <c r="C68" s="45" t="s">
        <v>155</v>
      </c>
      <c r="D68" s="52"/>
      <c r="E68" s="103"/>
      <c r="F68" s="104"/>
    </row>
    <row r="69" spans="2:6" s="4" customFormat="1" ht="46.5" customHeight="1" x14ac:dyDescent="0.25">
      <c r="B69" s="63" t="s">
        <v>121</v>
      </c>
      <c r="C69" s="45" t="s">
        <v>156</v>
      </c>
      <c r="D69" s="52"/>
      <c r="E69" s="103"/>
      <c r="F69" s="104"/>
    </row>
    <row r="70" spans="2:6" s="4" customFormat="1" ht="42" customHeight="1" x14ac:dyDescent="0.25">
      <c r="B70" s="63" t="s">
        <v>151</v>
      </c>
      <c r="C70" s="45" t="s">
        <v>157</v>
      </c>
      <c r="D70" s="52"/>
      <c r="E70" s="103"/>
      <c r="F70" s="104"/>
    </row>
    <row r="71" spans="2:6" s="4" customFormat="1" ht="30" customHeight="1" x14ac:dyDescent="0.25">
      <c r="B71" s="63" t="s">
        <v>152</v>
      </c>
      <c r="C71" s="45" t="s">
        <v>158</v>
      </c>
      <c r="D71" s="52"/>
      <c r="E71" s="103"/>
      <c r="F71" s="104"/>
    </row>
    <row r="72" spans="2:6" s="4" customFormat="1" ht="70.5" customHeight="1" x14ac:dyDescent="0.25">
      <c r="B72" s="63" t="s">
        <v>153</v>
      </c>
      <c r="C72" s="45" t="s">
        <v>159</v>
      </c>
      <c r="D72" s="52"/>
      <c r="E72" s="103"/>
      <c r="F72" s="104"/>
    </row>
    <row r="73" spans="2:6" s="4" customFormat="1" ht="24.95" customHeight="1" x14ac:dyDescent="0.25">
      <c r="B73" s="63" t="s">
        <v>154</v>
      </c>
      <c r="C73" s="45" t="s">
        <v>160</v>
      </c>
      <c r="D73" s="52"/>
      <c r="E73" s="103"/>
      <c r="F73" s="104"/>
    </row>
    <row r="74" spans="2:6" s="4" customFormat="1" ht="30" customHeight="1" x14ac:dyDescent="0.25">
      <c r="B74" s="61" t="s">
        <v>161</v>
      </c>
      <c r="C74" s="45" t="s">
        <v>165</v>
      </c>
      <c r="D74" s="52"/>
      <c r="E74" s="103"/>
      <c r="F74" s="104"/>
    </row>
    <row r="75" spans="2:6" s="4" customFormat="1" ht="30" customHeight="1" x14ac:dyDescent="0.25">
      <c r="B75" s="61" t="s">
        <v>162</v>
      </c>
      <c r="C75" s="45" t="s">
        <v>166</v>
      </c>
      <c r="D75" s="52"/>
      <c r="E75" s="105"/>
      <c r="F75" s="106"/>
    </row>
    <row r="76" spans="2:6" s="4" customFormat="1" ht="45" customHeight="1" x14ac:dyDescent="0.25">
      <c r="B76" s="61" t="s">
        <v>163</v>
      </c>
      <c r="C76" s="45" t="s">
        <v>167</v>
      </c>
      <c r="D76" s="52"/>
      <c r="E76" s="103"/>
      <c r="F76" s="104"/>
    </row>
    <row r="77" spans="2:6" s="4" customFormat="1" ht="30" customHeight="1" x14ac:dyDescent="0.25">
      <c r="B77" s="61" t="s">
        <v>164</v>
      </c>
      <c r="C77" s="45" t="s">
        <v>168</v>
      </c>
      <c r="D77" s="52"/>
      <c r="E77" s="103"/>
      <c r="F77" s="104"/>
    </row>
    <row r="78" spans="2:6" s="4" customFormat="1" ht="30.75" customHeight="1" x14ac:dyDescent="0.25">
      <c r="B78" s="61" t="s">
        <v>169</v>
      </c>
      <c r="C78" s="45" t="s">
        <v>172</v>
      </c>
      <c r="D78" s="52"/>
      <c r="E78" s="103"/>
      <c r="F78" s="104"/>
    </row>
    <row r="79" spans="2:6" s="4" customFormat="1" ht="24.95" customHeight="1" x14ac:dyDescent="0.25">
      <c r="B79" s="61" t="s">
        <v>170</v>
      </c>
      <c r="C79" s="45" t="s">
        <v>173</v>
      </c>
      <c r="D79" s="52"/>
      <c r="E79" s="103"/>
      <c r="F79" s="104"/>
    </row>
    <row r="80" spans="2:6" s="4" customFormat="1" ht="32.25" customHeight="1" x14ac:dyDescent="0.25">
      <c r="B80" s="61" t="s">
        <v>171</v>
      </c>
      <c r="C80" s="45" t="s">
        <v>174</v>
      </c>
      <c r="D80" s="52"/>
      <c r="E80" s="103"/>
      <c r="F80" s="104"/>
    </row>
    <row r="81" spans="2:6" s="4" customFormat="1" ht="32.25" customHeight="1" x14ac:dyDescent="0.25">
      <c r="B81" s="61" t="s">
        <v>176</v>
      </c>
      <c r="C81" s="45" t="s">
        <v>175</v>
      </c>
      <c r="D81" s="52"/>
      <c r="E81" s="103"/>
      <c r="F81" s="104"/>
    </row>
    <row r="82" spans="2:6" s="4" customFormat="1" ht="67.5" customHeight="1" x14ac:dyDescent="0.25">
      <c r="B82" s="63" t="s">
        <v>178</v>
      </c>
      <c r="C82" s="45" t="s">
        <v>177</v>
      </c>
      <c r="D82" s="52"/>
      <c r="E82" s="103"/>
      <c r="F82" s="104"/>
    </row>
    <row r="83" spans="2:6" s="4" customFormat="1" ht="32.25" customHeight="1" x14ac:dyDescent="0.25">
      <c r="B83" s="63" t="s">
        <v>180</v>
      </c>
      <c r="C83" s="45" t="s">
        <v>179</v>
      </c>
      <c r="D83" s="52"/>
      <c r="E83" s="103"/>
      <c r="F83" s="104"/>
    </row>
    <row r="84" spans="2:6" s="4" customFormat="1" ht="24.95" customHeight="1" x14ac:dyDescent="0.25">
      <c r="B84" s="63" t="s">
        <v>183</v>
      </c>
      <c r="C84" s="45" t="s">
        <v>181</v>
      </c>
      <c r="D84" s="52"/>
      <c r="E84" s="103"/>
      <c r="F84" s="104"/>
    </row>
    <row r="85" spans="2:6" s="4" customFormat="1" ht="42.75" customHeight="1" x14ac:dyDescent="0.25">
      <c r="B85" s="63" t="s">
        <v>184</v>
      </c>
      <c r="C85" s="45" t="s">
        <v>182</v>
      </c>
      <c r="D85" s="52"/>
      <c r="E85" s="103"/>
      <c r="F85" s="104"/>
    </row>
    <row r="86" spans="2:6" s="4" customFormat="1" ht="24.95" customHeight="1" x14ac:dyDescent="0.25">
      <c r="B86" s="63" t="s">
        <v>185</v>
      </c>
      <c r="C86" s="45" t="s">
        <v>187</v>
      </c>
      <c r="D86" s="52"/>
      <c r="E86" s="103"/>
      <c r="F86" s="104"/>
    </row>
    <row r="87" spans="2:6" s="4" customFormat="1" ht="24.95" customHeight="1" x14ac:dyDescent="0.25">
      <c r="B87" s="63" t="s">
        <v>186</v>
      </c>
      <c r="C87" s="45" t="s">
        <v>188</v>
      </c>
      <c r="D87" s="52"/>
      <c r="E87" s="103"/>
      <c r="F87" s="104"/>
    </row>
    <row r="88" spans="2:6" s="4" customFormat="1" ht="24.95" customHeight="1" x14ac:dyDescent="0.25">
      <c r="B88" s="71" t="s">
        <v>189</v>
      </c>
      <c r="C88" s="72" t="s">
        <v>212</v>
      </c>
      <c r="D88" s="52"/>
      <c r="E88" s="103"/>
      <c r="F88" s="104"/>
    </row>
    <row r="89" spans="2:6" s="4" customFormat="1" ht="24.95" customHeight="1" x14ac:dyDescent="0.25">
      <c r="B89" s="70" t="s">
        <v>190</v>
      </c>
      <c r="C89" s="45" t="s">
        <v>213</v>
      </c>
      <c r="D89" s="52"/>
      <c r="E89" s="103"/>
      <c r="F89" s="104"/>
    </row>
    <row r="90" spans="2:6" s="4" customFormat="1" ht="24.95" customHeight="1" x14ac:dyDescent="0.25">
      <c r="B90" s="70" t="s">
        <v>195</v>
      </c>
      <c r="C90" s="45" t="s">
        <v>214</v>
      </c>
      <c r="D90" s="52"/>
      <c r="E90" s="103"/>
      <c r="F90" s="104"/>
    </row>
    <row r="91" spans="2:6" s="4" customFormat="1" ht="24.95" customHeight="1" x14ac:dyDescent="0.25">
      <c r="B91" s="70" t="s">
        <v>196</v>
      </c>
      <c r="C91" s="45" t="s">
        <v>215</v>
      </c>
      <c r="D91" s="52"/>
      <c r="E91" s="103"/>
      <c r="F91" s="104"/>
    </row>
    <row r="92" spans="2:6" s="4" customFormat="1" ht="24.95" customHeight="1" x14ac:dyDescent="0.25">
      <c r="B92" s="70" t="s">
        <v>217</v>
      </c>
      <c r="C92" s="45" t="s">
        <v>216</v>
      </c>
      <c r="D92" s="52"/>
      <c r="E92" s="73"/>
      <c r="F92" s="74"/>
    </row>
    <row r="93" spans="2:6" s="4" customFormat="1" ht="24.95" customHeight="1" x14ac:dyDescent="0.25">
      <c r="B93" s="70" t="s">
        <v>218</v>
      </c>
      <c r="C93" s="45" t="s">
        <v>224</v>
      </c>
      <c r="D93" s="52"/>
      <c r="E93" s="73"/>
      <c r="F93" s="74"/>
    </row>
    <row r="94" spans="2:6" s="4" customFormat="1" ht="44.25" customHeight="1" x14ac:dyDescent="0.25">
      <c r="B94" s="70" t="s">
        <v>219</v>
      </c>
      <c r="C94" s="45" t="s">
        <v>228</v>
      </c>
      <c r="D94" s="52"/>
      <c r="E94" s="73"/>
      <c r="F94" s="74"/>
    </row>
    <row r="95" spans="2:6" s="4" customFormat="1" ht="30" customHeight="1" x14ac:dyDescent="0.25">
      <c r="B95" s="70" t="s">
        <v>220</v>
      </c>
      <c r="C95" s="45" t="s">
        <v>230</v>
      </c>
      <c r="D95" s="52"/>
      <c r="E95" s="73"/>
      <c r="F95" s="74"/>
    </row>
    <row r="96" spans="2:6" s="4" customFormat="1" ht="24.95" customHeight="1" x14ac:dyDescent="0.25">
      <c r="B96" s="70" t="s">
        <v>231</v>
      </c>
      <c r="C96" s="45" t="s">
        <v>232</v>
      </c>
      <c r="D96" s="52"/>
      <c r="E96" s="73"/>
      <c r="F96" s="74"/>
    </row>
    <row r="97" spans="2:6" s="4" customFormat="1" ht="24.95" customHeight="1" x14ac:dyDescent="0.25">
      <c r="B97" s="71" t="s">
        <v>197</v>
      </c>
      <c r="C97" s="72" t="s">
        <v>221</v>
      </c>
      <c r="D97" s="52"/>
      <c r="E97" s="101"/>
      <c r="F97" s="102"/>
    </row>
    <row r="98" spans="2:6" s="4" customFormat="1" ht="24.95" customHeight="1" x14ac:dyDescent="0.25">
      <c r="B98" s="70" t="s">
        <v>206</v>
      </c>
      <c r="C98" s="45" t="s">
        <v>222</v>
      </c>
      <c r="D98" s="52"/>
      <c r="E98" s="101"/>
      <c r="F98" s="102"/>
    </row>
    <row r="99" spans="2:6" s="4" customFormat="1" ht="24.95" customHeight="1" x14ac:dyDescent="0.25">
      <c r="B99" s="70" t="s">
        <v>207</v>
      </c>
      <c r="C99" s="45" t="s">
        <v>223</v>
      </c>
      <c r="D99" s="52"/>
      <c r="E99" s="101"/>
      <c r="F99" s="102"/>
    </row>
    <row r="100" spans="2:6" s="4" customFormat="1" ht="24.95" customHeight="1" x14ac:dyDescent="0.25">
      <c r="B100" s="70" t="s">
        <v>208</v>
      </c>
      <c r="C100" s="45" t="s">
        <v>225</v>
      </c>
      <c r="D100" s="52"/>
      <c r="E100" s="101"/>
      <c r="F100" s="102"/>
    </row>
    <row r="101" spans="2:6" s="4" customFormat="1" ht="30" customHeight="1" x14ac:dyDescent="0.25">
      <c r="B101" s="70" t="s">
        <v>226</v>
      </c>
      <c r="C101" s="45" t="s">
        <v>229</v>
      </c>
      <c r="D101" s="52"/>
      <c r="E101" s="73"/>
      <c r="F101" s="74"/>
    </row>
    <row r="102" spans="2:6" s="4" customFormat="1" ht="24.95" customHeight="1" x14ac:dyDescent="0.25">
      <c r="B102" s="70" t="s">
        <v>227</v>
      </c>
      <c r="C102" s="45" t="s">
        <v>233</v>
      </c>
      <c r="D102" s="52"/>
      <c r="E102" s="73"/>
      <c r="F102" s="74"/>
    </row>
    <row r="103" spans="2:6" s="4" customFormat="1" ht="24.95" customHeight="1" x14ac:dyDescent="0.25">
      <c r="B103" s="71" t="s">
        <v>198</v>
      </c>
      <c r="C103" s="72" t="s">
        <v>234</v>
      </c>
      <c r="D103" s="52"/>
      <c r="E103" s="103"/>
      <c r="F103" s="104"/>
    </row>
    <row r="104" spans="2:6" s="4" customFormat="1" ht="24.95" customHeight="1" x14ac:dyDescent="0.25">
      <c r="B104" s="70" t="s">
        <v>209</v>
      </c>
      <c r="C104" s="45" t="s">
        <v>238</v>
      </c>
      <c r="D104" s="52"/>
      <c r="E104" s="103"/>
      <c r="F104" s="104"/>
    </row>
    <row r="105" spans="2:6" s="4" customFormat="1" ht="30" customHeight="1" x14ac:dyDescent="0.25">
      <c r="B105" s="70" t="s">
        <v>210</v>
      </c>
      <c r="C105" s="45" t="s">
        <v>239</v>
      </c>
      <c r="D105" s="52"/>
      <c r="E105" s="103"/>
      <c r="F105" s="104"/>
    </row>
    <row r="106" spans="2:6" s="4" customFormat="1" ht="24.95" customHeight="1" x14ac:dyDescent="0.25">
      <c r="B106" s="70" t="s">
        <v>235</v>
      </c>
      <c r="C106" s="45" t="s">
        <v>240</v>
      </c>
      <c r="D106" s="52"/>
      <c r="E106" s="103"/>
      <c r="F106" s="104"/>
    </row>
    <row r="107" spans="2:6" s="4" customFormat="1" ht="30" customHeight="1" x14ac:dyDescent="0.25">
      <c r="B107" s="70" t="s">
        <v>236</v>
      </c>
      <c r="C107" s="45" t="s">
        <v>241</v>
      </c>
      <c r="D107" s="52"/>
      <c r="E107" s="103"/>
      <c r="F107" s="104"/>
    </row>
    <row r="108" spans="2:6" s="4" customFormat="1" ht="30" customHeight="1" x14ac:dyDescent="0.25">
      <c r="B108" s="70" t="s">
        <v>237</v>
      </c>
      <c r="C108" s="45" t="s">
        <v>242</v>
      </c>
      <c r="D108" s="52"/>
      <c r="E108" s="103"/>
      <c r="F108" s="104"/>
    </row>
    <row r="109" spans="2:6" s="4" customFormat="1" ht="24.95" customHeight="1" thickBot="1" x14ac:dyDescent="0.3">
      <c r="B109" s="70" t="s">
        <v>244</v>
      </c>
      <c r="C109" s="45" t="s">
        <v>243</v>
      </c>
      <c r="D109" s="52"/>
      <c r="E109" s="103"/>
      <c r="F109" s="104"/>
    </row>
    <row r="110" spans="2:6" s="25" customFormat="1" ht="30.75" customHeight="1" x14ac:dyDescent="0.25">
      <c r="B110" s="91" t="s">
        <v>211</v>
      </c>
      <c r="C110" s="93"/>
      <c r="D110" s="93"/>
      <c r="E110" s="93"/>
      <c r="F110" s="94"/>
    </row>
    <row r="111" spans="2:6" s="4" customFormat="1" ht="24.95" customHeight="1" x14ac:dyDescent="0.25">
      <c r="B111" s="69" t="s">
        <v>16</v>
      </c>
      <c r="C111" s="45" t="s">
        <v>128</v>
      </c>
      <c r="D111" s="68"/>
      <c r="E111" s="115"/>
      <c r="F111" s="116"/>
    </row>
    <row r="112" spans="2:6" s="4" customFormat="1" ht="24.95" customHeight="1" x14ac:dyDescent="0.25">
      <c r="B112" s="69" t="s">
        <v>59</v>
      </c>
      <c r="C112" s="45" t="s">
        <v>129</v>
      </c>
      <c r="D112" s="68"/>
      <c r="E112" s="115"/>
      <c r="F112" s="116"/>
    </row>
    <row r="113" spans="2:6" s="4" customFormat="1" ht="24.95" customHeight="1" x14ac:dyDescent="0.25">
      <c r="B113" s="69" t="s">
        <v>60</v>
      </c>
      <c r="C113" s="45" t="s">
        <v>130</v>
      </c>
      <c r="D113" s="52"/>
      <c r="E113" s="105"/>
      <c r="F113" s="106"/>
    </row>
    <row r="114" spans="2:6" s="4" customFormat="1" ht="24.95" customHeight="1" x14ac:dyDescent="0.25">
      <c r="B114" s="69" t="s">
        <v>61</v>
      </c>
      <c r="C114" s="45" t="s">
        <v>131</v>
      </c>
      <c r="D114" s="52"/>
      <c r="E114" s="103"/>
      <c r="F114" s="104"/>
    </row>
    <row r="115" spans="2:6" s="4" customFormat="1" ht="24.95" customHeight="1" x14ac:dyDescent="0.25">
      <c r="B115" s="69" t="s">
        <v>62</v>
      </c>
      <c r="C115" s="45" t="s">
        <v>132</v>
      </c>
      <c r="D115" s="52"/>
      <c r="E115" s="103"/>
      <c r="F115" s="104"/>
    </row>
    <row r="116" spans="2:6" s="4" customFormat="1" ht="24.95" customHeight="1" x14ac:dyDescent="0.25">
      <c r="B116" s="69" t="s">
        <v>63</v>
      </c>
      <c r="C116" s="45" t="s">
        <v>133</v>
      </c>
      <c r="D116" s="52"/>
      <c r="E116" s="103"/>
      <c r="F116" s="104"/>
    </row>
    <row r="117" spans="2:6" s="4" customFormat="1" ht="24.95" customHeight="1" x14ac:dyDescent="0.25">
      <c r="B117" s="69" t="s">
        <v>80</v>
      </c>
      <c r="C117" s="45" t="s">
        <v>134</v>
      </c>
      <c r="D117" s="52"/>
      <c r="E117" s="103"/>
      <c r="F117" s="104"/>
    </row>
    <row r="118" spans="2:6" s="4" customFormat="1" ht="29.25" customHeight="1" x14ac:dyDescent="0.25">
      <c r="B118" s="69" t="s">
        <v>64</v>
      </c>
      <c r="C118" s="45" t="s">
        <v>135</v>
      </c>
      <c r="D118" s="52"/>
      <c r="E118" s="103"/>
      <c r="F118" s="104"/>
    </row>
    <row r="119" spans="2:6" s="4" customFormat="1" ht="24.95" customHeight="1" x14ac:dyDescent="0.25">
      <c r="B119" s="69" t="s">
        <v>65</v>
      </c>
      <c r="C119" s="45" t="s">
        <v>136</v>
      </c>
      <c r="D119" s="52"/>
      <c r="E119" s="103"/>
      <c r="F119" s="104"/>
    </row>
    <row r="120" spans="2:6" s="4" customFormat="1" ht="24.95" customHeight="1" x14ac:dyDescent="0.25">
      <c r="B120" s="69" t="s">
        <v>66</v>
      </c>
      <c r="C120" s="45" t="s">
        <v>137</v>
      </c>
      <c r="D120" s="52"/>
      <c r="E120" s="103"/>
      <c r="F120" s="104"/>
    </row>
    <row r="121" spans="2:6" s="4" customFormat="1" ht="24.95" customHeight="1" x14ac:dyDescent="0.25">
      <c r="B121" s="69" t="s">
        <v>67</v>
      </c>
      <c r="C121" s="45" t="s">
        <v>138</v>
      </c>
      <c r="D121" s="52"/>
      <c r="E121" s="103"/>
      <c r="F121" s="104"/>
    </row>
    <row r="122" spans="2:6" s="4" customFormat="1" ht="24.95" customHeight="1" x14ac:dyDescent="0.25">
      <c r="B122" s="69" t="s">
        <v>81</v>
      </c>
      <c r="C122" s="45" t="s">
        <v>139</v>
      </c>
      <c r="D122" s="52"/>
      <c r="E122" s="103"/>
      <c r="F122" s="104"/>
    </row>
    <row r="123" spans="2:6" s="4" customFormat="1" ht="24.95" customHeight="1" x14ac:dyDescent="0.25">
      <c r="B123" s="69" t="s">
        <v>82</v>
      </c>
      <c r="C123" s="45" t="s">
        <v>140</v>
      </c>
      <c r="D123" s="52"/>
      <c r="E123" s="103"/>
      <c r="F123" s="104"/>
    </row>
    <row r="124" spans="2:6" s="4" customFormat="1" ht="30" customHeight="1" x14ac:dyDescent="0.25">
      <c r="B124" s="63" t="s">
        <v>68</v>
      </c>
      <c r="C124" s="45" t="s">
        <v>141</v>
      </c>
      <c r="D124" s="52"/>
      <c r="E124" s="103"/>
      <c r="F124" s="104"/>
    </row>
    <row r="125" spans="2:6" s="4" customFormat="1" ht="24.95" customHeight="1" x14ac:dyDescent="0.25">
      <c r="B125" s="63" t="s">
        <v>83</v>
      </c>
      <c r="C125" s="45" t="s">
        <v>142</v>
      </c>
      <c r="D125" s="52"/>
      <c r="E125" s="105"/>
      <c r="F125" s="106"/>
    </row>
    <row r="126" spans="2:6" s="4" customFormat="1" ht="24.95" customHeight="1" x14ac:dyDescent="0.25">
      <c r="B126" s="63" t="s">
        <v>84</v>
      </c>
      <c r="C126" s="45" t="s">
        <v>143</v>
      </c>
      <c r="D126" s="52"/>
      <c r="E126" s="103"/>
      <c r="F126" s="104"/>
    </row>
    <row r="127" spans="2:6" s="4" customFormat="1" ht="30" customHeight="1" x14ac:dyDescent="0.25">
      <c r="B127" s="63" t="s">
        <v>85</v>
      </c>
      <c r="C127" s="45" t="s">
        <v>144</v>
      </c>
      <c r="D127" s="52"/>
      <c r="E127" s="103"/>
      <c r="F127" s="104"/>
    </row>
    <row r="128" spans="2:6" s="4" customFormat="1" ht="30" customHeight="1" x14ac:dyDescent="0.25">
      <c r="B128" s="63" t="s">
        <v>86</v>
      </c>
      <c r="C128" s="45" t="s">
        <v>145</v>
      </c>
      <c r="D128" s="52"/>
      <c r="E128" s="103"/>
      <c r="F128" s="104"/>
    </row>
    <row r="129" spans="2:6" s="4" customFormat="1" ht="24.95" customHeight="1" x14ac:dyDescent="0.25">
      <c r="B129" s="63" t="s">
        <v>87</v>
      </c>
      <c r="C129" s="45" t="s">
        <v>146</v>
      </c>
      <c r="D129" s="52"/>
      <c r="E129" s="103"/>
      <c r="F129" s="104"/>
    </row>
    <row r="130" spans="2:6" s="4" customFormat="1" ht="30" customHeight="1" x14ac:dyDescent="0.25">
      <c r="B130" s="63" t="s">
        <v>88</v>
      </c>
      <c r="C130" s="45" t="s">
        <v>147</v>
      </c>
      <c r="D130" s="52"/>
      <c r="E130" s="103"/>
      <c r="F130" s="104"/>
    </row>
    <row r="131" spans="2:6" s="4" customFormat="1" ht="24.95" customHeight="1" x14ac:dyDescent="0.25">
      <c r="B131" s="63" t="s">
        <v>89</v>
      </c>
      <c r="C131" s="45" t="s">
        <v>148</v>
      </c>
      <c r="D131" s="52"/>
      <c r="E131" s="103"/>
      <c r="F131" s="104"/>
    </row>
    <row r="132" spans="2:6" s="4" customFormat="1" ht="24.95" customHeight="1" x14ac:dyDescent="0.25">
      <c r="B132" s="63" t="s">
        <v>90</v>
      </c>
      <c r="C132" s="45" t="s">
        <v>149</v>
      </c>
      <c r="D132" s="52"/>
      <c r="E132" s="103"/>
      <c r="F132" s="104"/>
    </row>
    <row r="133" spans="2:6" s="4" customFormat="1" ht="24.95" customHeight="1" x14ac:dyDescent="0.25">
      <c r="B133" s="63" t="s">
        <v>91</v>
      </c>
      <c r="C133" s="45" t="s">
        <v>150</v>
      </c>
      <c r="D133" s="52"/>
      <c r="E133" s="103"/>
      <c r="F133" s="104"/>
    </row>
    <row r="134" spans="2:6" s="4" customFormat="1" ht="30" customHeight="1" x14ac:dyDescent="0.25">
      <c r="B134" s="63" t="s">
        <v>120</v>
      </c>
      <c r="C134" s="45" t="s">
        <v>155</v>
      </c>
      <c r="D134" s="52"/>
      <c r="E134" s="103"/>
      <c r="F134" s="104"/>
    </row>
    <row r="135" spans="2:6" s="4" customFormat="1" ht="46.5" customHeight="1" x14ac:dyDescent="0.25">
      <c r="B135" s="63" t="s">
        <v>121</v>
      </c>
      <c r="C135" s="45" t="s">
        <v>156</v>
      </c>
      <c r="D135" s="52"/>
      <c r="E135" s="103"/>
      <c r="F135" s="104"/>
    </row>
    <row r="136" spans="2:6" s="4" customFormat="1" ht="42" customHeight="1" x14ac:dyDescent="0.25">
      <c r="B136" s="63" t="s">
        <v>151</v>
      </c>
      <c r="C136" s="45" t="s">
        <v>157</v>
      </c>
      <c r="D136" s="52"/>
      <c r="E136" s="103"/>
      <c r="F136" s="104"/>
    </row>
    <row r="137" spans="2:6" s="4" customFormat="1" ht="30" customHeight="1" x14ac:dyDescent="0.25">
      <c r="B137" s="63" t="s">
        <v>152</v>
      </c>
      <c r="C137" s="45" t="s">
        <v>158</v>
      </c>
      <c r="D137" s="52"/>
      <c r="E137" s="103"/>
      <c r="F137" s="104"/>
    </row>
    <row r="138" spans="2:6" s="4" customFormat="1" ht="70.5" customHeight="1" x14ac:dyDescent="0.25">
      <c r="B138" s="63" t="s">
        <v>153</v>
      </c>
      <c r="C138" s="45" t="s">
        <v>159</v>
      </c>
      <c r="D138" s="52"/>
      <c r="E138" s="103"/>
      <c r="F138" s="104"/>
    </row>
    <row r="139" spans="2:6" s="4" customFormat="1" ht="24.95" customHeight="1" x14ac:dyDescent="0.25">
      <c r="B139" s="63" t="s">
        <v>154</v>
      </c>
      <c r="C139" s="45" t="s">
        <v>160</v>
      </c>
      <c r="D139" s="52"/>
      <c r="E139" s="103"/>
      <c r="F139" s="104"/>
    </row>
    <row r="140" spans="2:6" s="4" customFormat="1" ht="30" customHeight="1" x14ac:dyDescent="0.25">
      <c r="B140" s="61" t="s">
        <v>161</v>
      </c>
      <c r="C140" s="45" t="s">
        <v>165</v>
      </c>
      <c r="D140" s="52"/>
      <c r="E140" s="103"/>
      <c r="F140" s="104"/>
    </row>
    <row r="141" spans="2:6" s="4" customFormat="1" ht="30" customHeight="1" x14ac:dyDescent="0.25">
      <c r="B141" s="61" t="s">
        <v>162</v>
      </c>
      <c r="C141" s="45" t="s">
        <v>166</v>
      </c>
      <c r="D141" s="52"/>
      <c r="E141" s="105"/>
      <c r="F141" s="106"/>
    </row>
    <row r="142" spans="2:6" s="4" customFormat="1" ht="45" customHeight="1" x14ac:dyDescent="0.25">
      <c r="B142" s="61" t="s">
        <v>163</v>
      </c>
      <c r="C142" s="45" t="s">
        <v>167</v>
      </c>
      <c r="D142" s="52"/>
      <c r="E142" s="103"/>
      <c r="F142" s="104"/>
    </row>
    <row r="143" spans="2:6" s="4" customFormat="1" ht="30" customHeight="1" x14ac:dyDescent="0.25">
      <c r="B143" s="61" t="s">
        <v>164</v>
      </c>
      <c r="C143" s="45" t="s">
        <v>168</v>
      </c>
      <c r="D143" s="52"/>
      <c r="E143" s="103"/>
      <c r="F143" s="104"/>
    </row>
    <row r="144" spans="2:6" s="4" customFormat="1" ht="30" customHeight="1" x14ac:dyDescent="0.25">
      <c r="B144" s="61" t="s">
        <v>169</v>
      </c>
      <c r="C144" s="45" t="s">
        <v>172</v>
      </c>
      <c r="D144" s="52"/>
      <c r="E144" s="103"/>
      <c r="F144" s="104"/>
    </row>
    <row r="145" spans="2:6" s="4" customFormat="1" ht="24.95" customHeight="1" x14ac:dyDescent="0.25">
      <c r="B145" s="61" t="s">
        <v>170</v>
      </c>
      <c r="C145" s="45" t="s">
        <v>173</v>
      </c>
      <c r="D145" s="52"/>
      <c r="E145" s="103"/>
      <c r="F145" s="104"/>
    </row>
    <row r="146" spans="2:6" s="4" customFormat="1" ht="30" customHeight="1" x14ac:dyDescent="0.25">
      <c r="B146" s="61" t="s">
        <v>171</v>
      </c>
      <c r="C146" s="45" t="s">
        <v>174</v>
      </c>
      <c r="D146" s="52"/>
      <c r="E146" s="103"/>
      <c r="F146" s="104"/>
    </row>
    <row r="147" spans="2:6" s="4" customFormat="1" ht="31.5" customHeight="1" x14ac:dyDescent="0.25">
      <c r="B147" s="61" t="s">
        <v>176</v>
      </c>
      <c r="C147" s="45" t="s">
        <v>175</v>
      </c>
      <c r="D147" s="52"/>
      <c r="E147" s="103"/>
      <c r="F147" s="104"/>
    </row>
    <row r="148" spans="2:6" s="4" customFormat="1" ht="67.5" customHeight="1" x14ac:dyDescent="0.25">
      <c r="B148" s="63" t="s">
        <v>178</v>
      </c>
      <c r="C148" s="45" t="s">
        <v>177</v>
      </c>
      <c r="D148" s="52"/>
      <c r="E148" s="103"/>
      <c r="F148" s="104"/>
    </row>
    <row r="149" spans="2:6" s="4" customFormat="1" ht="30" customHeight="1" x14ac:dyDescent="0.25">
      <c r="B149" s="63" t="s">
        <v>180</v>
      </c>
      <c r="C149" s="45" t="s">
        <v>179</v>
      </c>
      <c r="D149" s="52"/>
      <c r="E149" s="103"/>
      <c r="F149" s="104"/>
    </row>
    <row r="150" spans="2:6" s="4" customFormat="1" ht="24.95" customHeight="1" x14ac:dyDescent="0.25">
      <c r="B150" s="63" t="s">
        <v>183</v>
      </c>
      <c r="C150" s="45" t="s">
        <v>181</v>
      </c>
      <c r="D150" s="52"/>
      <c r="E150" s="103"/>
      <c r="F150" s="104"/>
    </row>
    <row r="151" spans="2:6" s="4" customFormat="1" ht="42.75" customHeight="1" x14ac:dyDescent="0.25">
      <c r="B151" s="63" t="s">
        <v>184</v>
      </c>
      <c r="C151" s="45" t="s">
        <v>182</v>
      </c>
      <c r="D151" s="52"/>
      <c r="E151" s="103"/>
      <c r="F151" s="104"/>
    </row>
    <row r="152" spans="2:6" s="4" customFormat="1" ht="24.95" customHeight="1" x14ac:dyDescent="0.25">
      <c r="B152" s="63" t="s">
        <v>185</v>
      </c>
      <c r="C152" s="45" t="s">
        <v>187</v>
      </c>
      <c r="D152" s="52"/>
      <c r="E152" s="103"/>
      <c r="F152" s="104"/>
    </row>
    <row r="153" spans="2:6" s="4" customFormat="1" ht="24.95" customHeight="1" x14ac:dyDescent="0.25">
      <c r="B153" s="63" t="s">
        <v>186</v>
      </c>
      <c r="C153" s="45" t="s">
        <v>188</v>
      </c>
      <c r="D153" s="52"/>
      <c r="E153" s="103"/>
      <c r="F153" s="104"/>
    </row>
    <row r="154" spans="2:6" s="4" customFormat="1" ht="24.95" customHeight="1" x14ac:dyDescent="0.25">
      <c r="B154" s="71" t="s">
        <v>189</v>
      </c>
      <c r="C154" s="72" t="s">
        <v>191</v>
      </c>
      <c r="D154" s="52"/>
      <c r="E154" s="103"/>
      <c r="F154" s="104"/>
    </row>
    <row r="155" spans="2:6" s="4" customFormat="1" ht="24.95" customHeight="1" x14ac:dyDescent="0.25">
      <c r="B155" s="70" t="s">
        <v>190</v>
      </c>
      <c r="C155" s="45" t="s">
        <v>192</v>
      </c>
      <c r="D155" s="52"/>
      <c r="E155" s="103"/>
      <c r="F155" s="104"/>
    </row>
    <row r="156" spans="2:6" s="4" customFormat="1" ht="24.95" customHeight="1" x14ac:dyDescent="0.25">
      <c r="B156" s="70" t="s">
        <v>195</v>
      </c>
      <c r="C156" s="45" t="s">
        <v>193</v>
      </c>
      <c r="D156" s="52"/>
      <c r="E156" s="103"/>
      <c r="F156" s="104"/>
    </row>
    <row r="157" spans="2:6" s="4" customFormat="1" ht="24.95" customHeight="1" x14ac:dyDescent="0.25">
      <c r="B157" s="70" t="s">
        <v>196</v>
      </c>
      <c r="C157" s="45" t="s">
        <v>194</v>
      </c>
      <c r="D157" s="52"/>
      <c r="E157" s="103"/>
      <c r="F157" s="104"/>
    </row>
    <row r="158" spans="2:6" s="4" customFormat="1" ht="24.95" customHeight="1" x14ac:dyDescent="0.25">
      <c r="B158" s="71" t="s">
        <v>197</v>
      </c>
      <c r="C158" s="72" t="s">
        <v>199</v>
      </c>
      <c r="D158" s="52"/>
      <c r="E158" s="103"/>
      <c r="F158" s="104"/>
    </row>
    <row r="159" spans="2:6" s="4" customFormat="1" ht="24.95" customHeight="1" x14ac:dyDescent="0.25">
      <c r="B159" s="70" t="s">
        <v>206</v>
      </c>
      <c r="C159" s="45" t="s">
        <v>200</v>
      </c>
      <c r="D159" s="52"/>
      <c r="E159" s="103"/>
      <c r="F159" s="104"/>
    </row>
    <row r="160" spans="2:6" s="4" customFormat="1" ht="24.95" customHeight="1" x14ac:dyDescent="0.25">
      <c r="B160" s="70" t="s">
        <v>207</v>
      </c>
      <c r="C160" s="45" t="s">
        <v>201</v>
      </c>
      <c r="D160" s="52"/>
      <c r="E160" s="103"/>
      <c r="F160" s="104"/>
    </row>
    <row r="161" spans="2:6" s="4" customFormat="1" ht="24.95" customHeight="1" x14ac:dyDescent="0.25">
      <c r="B161" s="70" t="s">
        <v>208</v>
      </c>
      <c r="C161" s="45" t="s">
        <v>202</v>
      </c>
      <c r="D161" s="52"/>
      <c r="E161" s="103"/>
      <c r="F161" s="104"/>
    </row>
    <row r="162" spans="2:6" s="4" customFormat="1" ht="24.95" customHeight="1" x14ac:dyDescent="0.25">
      <c r="B162" s="71" t="s">
        <v>198</v>
      </c>
      <c r="C162" s="72" t="s">
        <v>203</v>
      </c>
      <c r="D162" s="52"/>
      <c r="E162" s="103"/>
      <c r="F162" s="104"/>
    </row>
    <row r="163" spans="2:6" s="4" customFormat="1" ht="24.95" customHeight="1" x14ac:dyDescent="0.25">
      <c r="B163" s="70" t="s">
        <v>209</v>
      </c>
      <c r="C163" s="45" t="s">
        <v>204</v>
      </c>
      <c r="D163" s="52"/>
      <c r="E163" s="103"/>
      <c r="F163" s="104"/>
    </row>
    <row r="164" spans="2:6" s="4" customFormat="1" ht="24.95" customHeight="1" thickBot="1" x14ac:dyDescent="0.3">
      <c r="B164" s="70" t="s">
        <v>210</v>
      </c>
      <c r="C164" s="45" t="s">
        <v>205</v>
      </c>
      <c r="D164" s="52"/>
      <c r="E164" s="103"/>
      <c r="F164" s="104"/>
    </row>
    <row r="165" spans="2:6" s="25" customFormat="1" ht="30.75" customHeight="1" x14ac:dyDescent="0.25">
      <c r="B165" s="91" t="s">
        <v>269</v>
      </c>
      <c r="C165" s="93"/>
      <c r="D165" s="93"/>
      <c r="E165" s="93"/>
      <c r="F165" s="94"/>
    </row>
    <row r="166" spans="2:6" s="4" customFormat="1" ht="30" customHeight="1" x14ac:dyDescent="0.25">
      <c r="B166" s="97" t="s">
        <v>245</v>
      </c>
      <c r="C166" s="98"/>
      <c r="D166" s="52" t="s">
        <v>92</v>
      </c>
      <c r="E166" s="99" t="s">
        <v>92</v>
      </c>
      <c r="F166" s="100"/>
    </row>
    <row r="167" spans="2:6" s="4" customFormat="1" ht="30" customHeight="1" x14ac:dyDescent="0.25">
      <c r="B167" s="75" t="s">
        <v>16</v>
      </c>
      <c r="C167" s="66" t="s">
        <v>246</v>
      </c>
      <c r="D167" s="52"/>
      <c r="E167" s="101"/>
      <c r="F167" s="102"/>
    </row>
    <row r="168" spans="2:6" s="4" customFormat="1" ht="30" customHeight="1" x14ac:dyDescent="0.25">
      <c r="B168" s="76" t="s">
        <v>248</v>
      </c>
      <c r="C168" s="66" t="s">
        <v>247</v>
      </c>
      <c r="D168" s="52"/>
      <c r="E168" s="101"/>
      <c r="F168" s="102"/>
    </row>
    <row r="169" spans="2:6" s="4" customFormat="1" ht="45.75" customHeight="1" x14ac:dyDescent="0.25">
      <c r="B169" s="76" t="s">
        <v>250</v>
      </c>
      <c r="C169" s="66" t="s">
        <v>249</v>
      </c>
      <c r="D169" s="52"/>
      <c r="E169" s="101"/>
      <c r="F169" s="102"/>
    </row>
    <row r="170" spans="2:6" s="4" customFormat="1" ht="24.95" customHeight="1" x14ac:dyDescent="0.25">
      <c r="B170" s="75" t="s">
        <v>59</v>
      </c>
      <c r="C170" s="83" t="s">
        <v>251</v>
      </c>
      <c r="D170" s="52"/>
      <c r="E170" s="101"/>
      <c r="F170" s="102"/>
    </row>
    <row r="171" spans="2:6" s="4" customFormat="1" ht="34.5" customHeight="1" x14ac:dyDescent="0.25">
      <c r="B171" s="75" t="s">
        <v>60</v>
      </c>
      <c r="C171" s="84" t="s">
        <v>252</v>
      </c>
      <c r="D171" s="52"/>
      <c r="E171" s="101"/>
      <c r="F171" s="102"/>
    </row>
    <row r="172" spans="2:6" s="4" customFormat="1" ht="30" customHeight="1" x14ac:dyDescent="0.25">
      <c r="B172" s="76" t="s">
        <v>254</v>
      </c>
      <c r="C172" s="84" t="s">
        <v>253</v>
      </c>
      <c r="D172" s="52"/>
      <c r="E172" s="101"/>
      <c r="F172" s="102"/>
    </row>
    <row r="173" spans="2:6" s="4" customFormat="1" ht="30" customHeight="1" x14ac:dyDescent="0.25">
      <c r="B173" s="76" t="s">
        <v>256</v>
      </c>
      <c r="C173" s="84" t="s">
        <v>255</v>
      </c>
      <c r="D173" s="52"/>
      <c r="E173" s="101"/>
      <c r="F173" s="102"/>
    </row>
    <row r="174" spans="2:6" s="4" customFormat="1" ht="30" customHeight="1" x14ac:dyDescent="0.25">
      <c r="B174" s="76" t="s">
        <v>257</v>
      </c>
      <c r="C174" s="84" t="s">
        <v>258</v>
      </c>
      <c r="D174" s="52"/>
      <c r="E174" s="101"/>
      <c r="F174" s="102"/>
    </row>
    <row r="175" spans="2:6" s="4" customFormat="1" ht="24.95" customHeight="1" x14ac:dyDescent="0.25">
      <c r="B175" s="75" t="s">
        <v>61</v>
      </c>
      <c r="C175" s="66" t="s">
        <v>259</v>
      </c>
      <c r="D175" s="52"/>
      <c r="E175" s="101"/>
      <c r="F175" s="102"/>
    </row>
    <row r="176" spans="2:6" s="4" customFormat="1" ht="24.95" customHeight="1" x14ac:dyDescent="0.25">
      <c r="B176" s="75" t="s">
        <v>62</v>
      </c>
      <c r="C176" s="66" t="s">
        <v>291</v>
      </c>
      <c r="D176" s="52"/>
      <c r="E176" s="101"/>
      <c r="F176" s="102"/>
    </row>
    <row r="177" spans="2:6" s="4" customFormat="1" ht="24.95" customHeight="1" x14ac:dyDescent="0.25">
      <c r="B177" s="75" t="s">
        <v>63</v>
      </c>
      <c r="C177" s="84" t="s">
        <v>260</v>
      </c>
      <c r="D177" s="52"/>
      <c r="E177" s="101"/>
      <c r="F177" s="102"/>
    </row>
    <row r="178" spans="2:6" s="4" customFormat="1" ht="58.5" customHeight="1" x14ac:dyDescent="0.25">
      <c r="B178" s="76" t="s">
        <v>261</v>
      </c>
      <c r="C178" s="84" t="s">
        <v>262</v>
      </c>
      <c r="D178" s="52"/>
      <c r="E178" s="101"/>
      <c r="F178" s="102"/>
    </row>
    <row r="179" spans="2:6" s="4" customFormat="1" ht="44.25" customHeight="1" x14ac:dyDescent="0.25">
      <c r="B179" s="76" t="s">
        <v>263</v>
      </c>
      <c r="C179" s="84" t="s">
        <v>249</v>
      </c>
      <c r="D179" s="52"/>
      <c r="E179" s="101"/>
      <c r="F179" s="102"/>
    </row>
    <row r="180" spans="2:6" s="4" customFormat="1" ht="30" customHeight="1" x14ac:dyDescent="0.25">
      <c r="B180" s="75" t="s">
        <v>80</v>
      </c>
      <c r="C180" s="84" t="s">
        <v>264</v>
      </c>
      <c r="D180" s="52"/>
      <c r="E180" s="101"/>
      <c r="F180" s="102"/>
    </row>
    <row r="181" spans="2:6" s="4" customFormat="1" ht="30" customHeight="1" thickBot="1" x14ac:dyDescent="0.3">
      <c r="B181" s="85" t="s">
        <v>64</v>
      </c>
      <c r="C181" s="86" t="s">
        <v>265</v>
      </c>
      <c r="D181" s="53"/>
      <c r="E181" s="95"/>
      <c r="F181" s="96"/>
    </row>
    <row r="182" spans="2:6" s="4" customFormat="1" ht="30" customHeight="1" x14ac:dyDescent="0.25">
      <c r="B182" s="91" t="s">
        <v>268</v>
      </c>
      <c r="C182" s="93"/>
      <c r="D182" s="93"/>
      <c r="E182" s="93"/>
      <c r="F182" s="94"/>
    </row>
    <row r="183" spans="2:6" s="4" customFormat="1" ht="30" customHeight="1" x14ac:dyDescent="0.25">
      <c r="B183" s="97" t="s">
        <v>245</v>
      </c>
      <c r="C183" s="98"/>
      <c r="D183" s="52" t="s">
        <v>92</v>
      </c>
      <c r="E183" s="99" t="s">
        <v>92</v>
      </c>
      <c r="F183" s="100"/>
    </row>
    <row r="184" spans="2:6" s="4" customFormat="1" ht="30" customHeight="1" x14ac:dyDescent="0.25">
      <c r="B184" s="75" t="s">
        <v>16</v>
      </c>
      <c r="C184" s="66" t="s">
        <v>246</v>
      </c>
      <c r="D184" s="52"/>
      <c r="E184" s="101"/>
      <c r="F184" s="102"/>
    </row>
    <row r="185" spans="2:6" s="4" customFormat="1" ht="30" customHeight="1" x14ac:dyDescent="0.25">
      <c r="B185" s="76" t="s">
        <v>248</v>
      </c>
      <c r="C185" s="66" t="s">
        <v>247</v>
      </c>
      <c r="D185" s="52"/>
      <c r="E185" s="101"/>
      <c r="F185" s="102"/>
    </row>
    <row r="186" spans="2:6" s="4" customFormat="1" ht="46.5" customHeight="1" x14ac:dyDescent="0.25">
      <c r="B186" s="76" t="s">
        <v>250</v>
      </c>
      <c r="C186" s="66" t="s">
        <v>249</v>
      </c>
      <c r="D186" s="52"/>
      <c r="E186" s="101"/>
      <c r="F186" s="102"/>
    </row>
    <row r="187" spans="2:6" s="4" customFormat="1" ht="30" customHeight="1" x14ac:dyDescent="0.25">
      <c r="B187" s="75" t="s">
        <v>59</v>
      </c>
      <c r="C187" s="83" t="s">
        <v>251</v>
      </c>
      <c r="D187" s="52"/>
      <c r="E187" s="101"/>
      <c r="F187" s="102"/>
    </row>
    <row r="188" spans="2:6" s="4" customFormat="1" ht="30" customHeight="1" x14ac:dyDescent="0.25">
      <c r="B188" s="75" t="s">
        <v>60</v>
      </c>
      <c r="C188" s="84" t="s">
        <v>252</v>
      </c>
      <c r="D188" s="52"/>
      <c r="E188" s="101"/>
      <c r="F188" s="102"/>
    </row>
    <row r="189" spans="2:6" s="4" customFormat="1" ht="30" customHeight="1" x14ac:dyDescent="0.25">
      <c r="B189" s="76" t="s">
        <v>254</v>
      </c>
      <c r="C189" s="84" t="s">
        <v>253</v>
      </c>
      <c r="D189" s="52"/>
      <c r="E189" s="101"/>
      <c r="F189" s="102"/>
    </row>
    <row r="190" spans="2:6" s="4" customFormat="1" ht="30" customHeight="1" x14ac:dyDescent="0.25">
      <c r="B190" s="76" t="s">
        <v>256</v>
      </c>
      <c r="C190" s="84" t="s">
        <v>255</v>
      </c>
      <c r="D190" s="52"/>
      <c r="E190" s="101"/>
      <c r="F190" s="102"/>
    </row>
    <row r="191" spans="2:6" s="4" customFormat="1" ht="30" customHeight="1" x14ac:dyDescent="0.25">
      <c r="B191" s="76" t="s">
        <v>257</v>
      </c>
      <c r="C191" s="84" t="s">
        <v>258</v>
      </c>
      <c r="D191" s="52"/>
      <c r="E191" s="101"/>
      <c r="F191" s="102"/>
    </row>
    <row r="192" spans="2:6" s="4" customFormat="1" ht="30" customHeight="1" x14ac:dyDescent="0.25">
      <c r="B192" s="75" t="s">
        <v>61</v>
      </c>
      <c r="C192" s="66" t="s">
        <v>259</v>
      </c>
      <c r="D192" s="52"/>
      <c r="E192" s="101"/>
      <c r="F192" s="102"/>
    </row>
    <row r="193" spans="2:6" s="4" customFormat="1" ht="30" customHeight="1" x14ac:dyDescent="0.25">
      <c r="B193" s="75" t="s">
        <v>62</v>
      </c>
      <c r="C193" s="66" t="s">
        <v>291</v>
      </c>
      <c r="D193" s="52"/>
      <c r="E193" s="101"/>
      <c r="F193" s="102"/>
    </row>
    <row r="194" spans="2:6" s="4" customFormat="1" ht="30" customHeight="1" x14ac:dyDescent="0.25">
      <c r="B194" s="75" t="s">
        <v>63</v>
      </c>
      <c r="C194" s="84" t="s">
        <v>260</v>
      </c>
      <c r="D194" s="52"/>
      <c r="E194" s="101"/>
      <c r="F194" s="102"/>
    </row>
    <row r="195" spans="2:6" s="4" customFormat="1" ht="57" customHeight="1" x14ac:dyDescent="0.25">
      <c r="B195" s="76" t="s">
        <v>261</v>
      </c>
      <c r="C195" s="84" t="s">
        <v>262</v>
      </c>
      <c r="D195" s="52"/>
      <c r="E195" s="101"/>
      <c r="F195" s="102"/>
    </row>
    <row r="196" spans="2:6" s="4" customFormat="1" ht="40.5" customHeight="1" x14ac:dyDescent="0.25">
      <c r="B196" s="76" t="s">
        <v>263</v>
      </c>
      <c r="C196" s="84" t="s">
        <v>249</v>
      </c>
      <c r="D196" s="52"/>
      <c r="E196" s="101"/>
      <c r="F196" s="102"/>
    </row>
    <row r="197" spans="2:6" s="4" customFormat="1" ht="30" customHeight="1" x14ac:dyDescent="0.25">
      <c r="B197" s="75" t="s">
        <v>80</v>
      </c>
      <c r="C197" s="84" t="s">
        <v>264</v>
      </c>
      <c r="D197" s="52"/>
      <c r="E197" s="101"/>
      <c r="F197" s="102"/>
    </row>
    <row r="198" spans="2:6" s="4" customFormat="1" ht="30" customHeight="1" thickBot="1" x14ac:dyDescent="0.3">
      <c r="B198" s="85" t="s">
        <v>64</v>
      </c>
      <c r="C198" s="86" t="s">
        <v>265</v>
      </c>
      <c r="D198" s="53"/>
      <c r="E198" s="95"/>
      <c r="F198" s="96"/>
    </row>
    <row r="199" spans="2:6" s="3" customFormat="1" ht="5.0999999999999996" customHeight="1" x14ac:dyDescent="0.25">
      <c r="B199" s="5"/>
      <c r="C199" s="5"/>
      <c r="D199" s="7"/>
      <c r="E199" s="7"/>
      <c r="F199" s="26"/>
    </row>
    <row r="200" spans="2:6" s="2" customFormat="1" ht="20.100000000000001" customHeight="1" x14ac:dyDescent="0.25">
      <c r="B200" s="111" t="s">
        <v>48</v>
      </c>
      <c r="C200" s="111"/>
      <c r="D200" s="111"/>
      <c r="E200" s="111"/>
      <c r="F200" s="111"/>
    </row>
    <row r="201" spans="2:6" s="2" customFormat="1" ht="5.0999999999999996" customHeight="1" thickBot="1" x14ac:dyDescent="0.3">
      <c r="B201" s="15"/>
      <c r="D201" s="6"/>
      <c r="E201" s="6"/>
      <c r="F201" s="6"/>
    </row>
    <row r="202" spans="2:6" s="3" customFormat="1" ht="69" customHeight="1" x14ac:dyDescent="0.25">
      <c r="B202" s="117" t="s">
        <v>8</v>
      </c>
      <c r="C202" s="118"/>
      <c r="D202" s="135" t="s">
        <v>31</v>
      </c>
      <c r="E202" s="136"/>
      <c r="F202" s="137"/>
    </row>
    <row r="203" spans="2:6" s="3" customFormat="1" ht="30" customHeight="1" thickBot="1" x14ac:dyDescent="0.3">
      <c r="B203" s="119"/>
      <c r="C203" s="120"/>
      <c r="D203" s="24" t="s">
        <v>7</v>
      </c>
      <c r="E203" s="138" t="s">
        <v>32</v>
      </c>
      <c r="F203" s="139"/>
    </row>
    <row r="204" spans="2:6" s="4" customFormat="1" ht="30" customHeight="1" x14ac:dyDescent="0.25">
      <c r="B204" s="91" t="s">
        <v>270</v>
      </c>
      <c r="C204" s="92"/>
      <c r="D204" s="93"/>
      <c r="E204" s="93"/>
      <c r="F204" s="94"/>
    </row>
    <row r="205" spans="2:6" s="2" customFormat="1" ht="30.75" customHeight="1" x14ac:dyDescent="0.25">
      <c r="B205" s="64" t="s">
        <v>16</v>
      </c>
      <c r="C205" s="27" t="s">
        <v>93</v>
      </c>
      <c r="D205" s="52"/>
      <c r="E205" s="87"/>
      <c r="F205" s="88"/>
    </row>
    <row r="206" spans="2:6" s="2" customFormat="1" ht="30.75" customHeight="1" x14ac:dyDescent="0.25">
      <c r="B206" s="64" t="s">
        <v>59</v>
      </c>
      <c r="C206" s="27" t="s">
        <v>350</v>
      </c>
      <c r="D206" s="52"/>
      <c r="E206" s="87"/>
      <c r="F206" s="88"/>
    </row>
    <row r="207" spans="2:6" s="2" customFormat="1" ht="42" customHeight="1" x14ac:dyDescent="0.25">
      <c r="B207" s="51" t="s">
        <v>78</v>
      </c>
      <c r="C207" s="27" t="s">
        <v>292</v>
      </c>
      <c r="D207" s="52"/>
      <c r="E207" s="87"/>
      <c r="F207" s="88"/>
    </row>
    <row r="208" spans="2:6" s="2" customFormat="1" ht="30.75" customHeight="1" x14ac:dyDescent="0.25">
      <c r="B208" s="51" t="s">
        <v>79</v>
      </c>
      <c r="C208" s="27" t="s">
        <v>94</v>
      </c>
      <c r="D208" s="52"/>
      <c r="E208" s="87"/>
      <c r="F208" s="88"/>
    </row>
    <row r="209" spans="2:6" s="2" customFormat="1" ht="30.75" customHeight="1" x14ac:dyDescent="0.25">
      <c r="B209" s="51" t="s">
        <v>96</v>
      </c>
      <c r="C209" s="27" t="s">
        <v>95</v>
      </c>
      <c r="D209" s="52"/>
      <c r="E209" s="87"/>
      <c r="F209" s="88"/>
    </row>
    <row r="210" spans="2:6" s="2" customFormat="1" ht="57.75" customHeight="1" x14ac:dyDescent="0.25">
      <c r="B210" s="51" t="s">
        <v>97</v>
      </c>
      <c r="C210" s="27" t="s">
        <v>293</v>
      </c>
      <c r="D210" s="52"/>
      <c r="E210" s="87"/>
      <c r="F210" s="88"/>
    </row>
    <row r="211" spans="2:6" s="2" customFormat="1" ht="43.5" customHeight="1" x14ac:dyDescent="0.25">
      <c r="B211" s="51" t="s">
        <v>98</v>
      </c>
      <c r="C211" s="27" t="s">
        <v>294</v>
      </c>
      <c r="D211" s="52"/>
      <c r="E211" s="87"/>
      <c r="F211" s="88"/>
    </row>
    <row r="212" spans="2:6" s="2" customFormat="1" ht="141" customHeight="1" x14ac:dyDescent="0.25">
      <c r="B212" s="51" t="s">
        <v>99</v>
      </c>
      <c r="C212" s="27" t="s">
        <v>295</v>
      </c>
      <c r="D212" s="52"/>
      <c r="E212" s="87"/>
      <c r="F212" s="88"/>
    </row>
    <row r="213" spans="2:6" s="2" customFormat="1" ht="30.75" customHeight="1" x14ac:dyDescent="0.25">
      <c r="B213" s="64" t="s">
        <v>60</v>
      </c>
      <c r="C213" s="27" t="s">
        <v>296</v>
      </c>
      <c r="D213" s="52"/>
      <c r="E213" s="87"/>
      <c r="F213" s="88"/>
    </row>
    <row r="214" spans="2:6" s="2" customFormat="1" ht="96.75" customHeight="1" x14ac:dyDescent="0.25">
      <c r="B214" s="64" t="s">
        <v>61</v>
      </c>
      <c r="C214" s="27" t="s">
        <v>297</v>
      </c>
      <c r="D214" s="52"/>
      <c r="E214" s="87"/>
      <c r="F214" s="88"/>
    </row>
    <row r="215" spans="2:6" s="2" customFormat="1" ht="45" customHeight="1" x14ac:dyDescent="0.25">
      <c r="B215" s="64" t="s">
        <v>62</v>
      </c>
      <c r="C215" s="27" t="s">
        <v>105</v>
      </c>
      <c r="D215" s="52"/>
      <c r="E215" s="87"/>
      <c r="F215" s="88"/>
    </row>
    <row r="216" spans="2:6" s="2" customFormat="1" ht="30.75" customHeight="1" x14ac:dyDescent="0.25">
      <c r="B216" s="51" t="s">
        <v>100</v>
      </c>
      <c r="C216" s="27" t="s">
        <v>106</v>
      </c>
      <c r="D216" s="52"/>
      <c r="E216" s="87"/>
      <c r="F216" s="88"/>
    </row>
    <row r="217" spans="2:6" s="2" customFormat="1" ht="30.75" customHeight="1" x14ac:dyDescent="0.25">
      <c r="B217" s="51" t="s">
        <v>101</v>
      </c>
      <c r="C217" s="27" t="s">
        <v>107</v>
      </c>
      <c r="D217" s="52"/>
      <c r="E217" s="87"/>
      <c r="F217" s="88"/>
    </row>
    <row r="218" spans="2:6" s="2" customFormat="1" ht="30.75" customHeight="1" x14ac:dyDescent="0.25">
      <c r="B218" s="51" t="s">
        <v>102</v>
      </c>
      <c r="C218" s="27" t="s">
        <v>108</v>
      </c>
      <c r="D218" s="52"/>
      <c r="E218" s="87"/>
      <c r="F218" s="88"/>
    </row>
    <row r="219" spans="2:6" s="2" customFormat="1" ht="30.75" customHeight="1" x14ac:dyDescent="0.25">
      <c r="B219" s="51" t="s">
        <v>103</v>
      </c>
      <c r="C219" s="27" t="s">
        <v>109</v>
      </c>
      <c r="D219" s="52"/>
      <c r="E219" s="87"/>
      <c r="F219" s="88"/>
    </row>
    <row r="220" spans="2:6" s="2" customFormat="1" ht="30.75" customHeight="1" x14ac:dyDescent="0.25">
      <c r="B220" s="51" t="s">
        <v>104</v>
      </c>
      <c r="C220" s="27" t="s">
        <v>110</v>
      </c>
      <c r="D220" s="52"/>
      <c r="E220" s="87"/>
      <c r="F220" s="88"/>
    </row>
    <row r="221" spans="2:6" s="2" customFormat="1" ht="85.5" customHeight="1" x14ac:dyDescent="0.25">
      <c r="B221" s="78" t="s">
        <v>63</v>
      </c>
      <c r="C221" s="27" t="s">
        <v>298</v>
      </c>
      <c r="D221" s="52"/>
      <c r="E221" s="87"/>
      <c r="F221" s="88"/>
    </row>
    <row r="222" spans="2:6" s="2" customFormat="1" ht="55.5" customHeight="1" x14ac:dyDescent="0.25">
      <c r="B222" s="78" t="s">
        <v>80</v>
      </c>
      <c r="C222" s="27" t="s">
        <v>299</v>
      </c>
      <c r="D222" s="52"/>
      <c r="E222" s="87"/>
      <c r="F222" s="88"/>
    </row>
    <row r="223" spans="2:6" s="2" customFormat="1" ht="60" x14ac:dyDescent="0.25">
      <c r="B223" s="78" t="s">
        <v>64</v>
      </c>
      <c r="C223" s="82" t="s">
        <v>300</v>
      </c>
      <c r="D223" s="52"/>
      <c r="E223" s="87"/>
      <c r="F223" s="88"/>
    </row>
    <row r="224" spans="2:6" s="2" customFormat="1" ht="94.5" customHeight="1" x14ac:dyDescent="0.25">
      <c r="B224" s="78" t="s">
        <v>65</v>
      </c>
      <c r="C224" s="27" t="s">
        <v>301</v>
      </c>
      <c r="D224" s="52"/>
      <c r="E224" s="87"/>
      <c r="F224" s="88"/>
    </row>
    <row r="225" spans="2:6" s="2" customFormat="1" ht="54" customHeight="1" x14ac:dyDescent="0.25">
      <c r="B225" s="78" t="s">
        <v>66</v>
      </c>
      <c r="C225" s="27" t="s">
        <v>302</v>
      </c>
      <c r="D225" s="52"/>
      <c r="E225" s="87"/>
      <c r="F225" s="88"/>
    </row>
    <row r="226" spans="2:6" s="2" customFormat="1" ht="113.25" customHeight="1" x14ac:dyDescent="0.25">
      <c r="B226" s="78" t="s">
        <v>67</v>
      </c>
      <c r="C226" s="27" t="s">
        <v>111</v>
      </c>
      <c r="D226" s="52"/>
      <c r="E226" s="87"/>
      <c r="F226" s="88"/>
    </row>
    <row r="227" spans="2:6" s="2" customFormat="1" ht="144.75" customHeight="1" x14ac:dyDescent="0.25">
      <c r="B227" s="78" t="s">
        <v>81</v>
      </c>
      <c r="C227" s="27" t="s">
        <v>303</v>
      </c>
      <c r="D227" s="52"/>
      <c r="E227" s="87"/>
      <c r="F227" s="88"/>
    </row>
    <row r="228" spans="2:6" s="2" customFormat="1" ht="71.25" customHeight="1" x14ac:dyDescent="0.25">
      <c r="B228" s="51" t="s">
        <v>304</v>
      </c>
      <c r="C228" s="27" t="s">
        <v>305</v>
      </c>
      <c r="D228" s="52"/>
      <c r="E228" s="87"/>
      <c r="F228" s="88"/>
    </row>
    <row r="229" spans="2:6" s="2" customFormat="1" ht="84" customHeight="1" x14ac:dyDescent="0.25">
      <c r="B229" s="51" t="s">
        <v>306</v>
      </c>
      <c r="C229" s="27" t="s">
        <v>307</v>
      </c>
      <c r="D229" s="52"/>
      <c r="E229" s="87"/>
      <c r="F229" s="88"/>
    </row>
    <row r="230" spans="2:6" s="2" customFormat="1" ht="111.75" customHeight="1" x14ac:dyDescent="0.25">
      <c r="B230" s="78" t="s">
        <v>82</v>
      </c>
      <c r="C230" s="27" t="s">
        <v>308</v>
      </c>
      <c r="D230" s="52"/>
      <c r="E230" s="87"/>
      <c r="F230" s="88"/>
    </row>
    <row r="231" spans="2:6" s="2" customFormat="1" ht="96.75" customHeight="1" x14ac:dyDescent="0.25">
      <c r="B231" s="78" t="s">
        <v>68</v>
      </c>
      <c r="C231" s="27" t="s">
        <v>309</v>
      </c>
      <c r="D231" s="52"/>
      <c r="E231" s="87"/>
      <c r="F231" s="88"/>
    </row>
    <row r="232" spans="2:6" s="2" customFormat="1" ht="39" customHeight="1" x14ac:dyDescent="0.25">
      <c r="B232" s="51" t="s">
        <v>310</v>
      </c>
      <c r="C232" s="27" t="s">
        <v>112</v>
      </c>
      <c r="D232" s="52"/>
      <c r="E232" s="87"/>
      <c r="F232" s="88"/>
    </row>
    <row r="233" spans="2:6" s="2" customFormat="1" ht="45" customHeight="1" x14ac:dyDescent="0.25">
      <c r="B233" s="51" t="s">
        <v>311</v>
      </c>
      <c r="C233" s="27" t="s">
        <v>113</v>
      </c>
      <c r="D233" s="52"/>
      <c r="E233" s="87"/>
      <c r="F233" s="88"/>
    </row>
    <row r="234" spans="2:6" s="2" customFormat="1" ht="60" customHeight="1" x14ac:dyDescent="0.25">
      <c r="B234" s="51" t="s">
        <v>312</v>
      </c>
      <c r="C234" s="27" t="s">
        <v>313</v>
      </c>
      <c r="D234" s="52"/>
      <c r="E234" s="87"/>
      <c r="F234" s="88"/>
    </row>
    <row r="235" spans="2:6" s="2" customFormat="1" ht="48" customHeight="1" x14ac:dyDescent="0.25">
      <c r="B235" s="51" t="s">
        <v>314</v>
      </c>
      <c r="C235" s="27" t="s">
        <v>315</v>
      </c>
      <c r="D235" s="52"/>
      <c r="E235" s="87"/>
      <c r="F235" s="88"/>
    </row>
    <row r="236" spans="2:6" s="2" customFormat="1" ht="40.5" customHeight="1" x14ac:dyDescent="0.25">
      <c r="B236" s="51" t="s">
        <v>316</v>
      </c>
      <c r="C236" s="27" t="s">
        <v>317</v>
      </c>
      <c r="D236" s="52"/>
      <c r="E236" s="87"/>
      <c r="F236" s="88"/>
    </row>
    <row r="237" spans="2:6" s="2" customFormat="1" ht="70.5" customHeight="1" x14ac:dyDescent="0.25">
      <c r="B237" s="51" t="s">
        <v>318</v>
      </c>
      <c r="C237" s="27" t="s">
        <v>319</v>
      </c>
      <c r="D237" s="52"/>
      <c r="E237" s="87"/>
      <c r="F237" s="88"/>
    </row>
    <row r="238" spans="2:6" s="2" customFormat="1" ht="34.5" customHeight="1" x14ac:dyDescent="0.25">
      <c r="B238" s="51" t="s">
        <v>320</v>
      </c>
      <c r="C238" s="27" t="s">
        <v>114</v>
      </c>
      <c r="D238" s="52"/>
      <c r="E238" s="87"/>
      <c r="F238" s="88"/>
    </row>
    <row r="239" spans="2:6" s="2" customFormat="1" ht="33" customHeight="1" x14ac:dyDescent="0.25">
      <c r="B239" s="51" t="s">
        <v>321</v>
      </c>
      <c r="C239" s="27" t="s">
        <v>322</v>
      </c>
      <c r="D239" s="52"/>
      <c r="E239" s="87"/>
      <c r="F239" s="88"/>
    </row>
    <row r="240" spans="2:6" s="2" customFormat="1" ht="47.25" customHeight="1" x14ac:dyDescent="0.25">
      <c r="B240" s="51" t="s">
        <v>323</v>
      </c>
      <c r="C240" s="27" t="s">
        <v>115</v>
      </c>
      <c r="D240" s="52"/>
      <c r="E240" s="87"/>
      <c r="F240" s="88"/>
    </row>
    <row r="241" spans="2:6" s="2" customFormat="1" ht="67.5" customHeight="1" x14ac:dyDescent="0.25">
      <c r="B241" s="51" t="s">
        <v>324</v>
      </c>
      <c r="C241" s="27" t="s">
        <v>325</v>
      </c>
      <c r="D241" s="52"/>
      <c r="E241" s="87"/>
      <c r="F241" s="88"/>
    </row>
    <row r="242" spans="2:6" s="2" customFormat="1" ht="68.25" customHeight="1" x14ac:dyDescent="0.25">
      <c r="B242" s="78" t="s">
        <v>83</v>
      </c>
      <c r="C242" s="27" t="s">
        <v>326</v>
      </c>
      <c r="D242" s="52"/>
      <c r="E242" s="87"/>
      <c r="F242" s="88"/>
    </row>
    <row r="243" spans="2:6" s="2" customFormat="1" ht="81.75" customHeight="1" x14ac:dyDescent="0.25">
      <c r="B243" s="51" t="s">
        <v>327</v>
      </c>
      <c r="C243" s="45" t="s">
        <v>328</v>
      </c>
      <c r="D243" s="52"/>
      <c r="E243" s="87"/>
      <c r="F243" s="88"/>
    </row>
    <row r="244" spans="2:6" s="2" customFormat="1" ht="32.25" customHeight="1" x14ac:dyDescent="0.25">
      <c r="B244" s="78" t="s">
        <v>84</v>
      </c>
      <c r="C244" s="27" t="s">
        <v>116</v>
      </c>
      <c r="D244" s="52"/>
      <c r="E244" s="87"/>
      <c r="F244" s="88"/>
    </row>
    <row r="245" spans="2:6" s="2" customFormat="1" ht="34.5" customHeight="1" x14ac:dyDescent="0.25">
      <c r="B245" s="51" t="s">
        <v>329</v>
      </c>
      <c r="C245" s="27" t="s">
        <v>330</v>
      </c>
      <c r="D245" s="52"/>
      <c r="E245" s="87"/>
      <c r="F245" s="88"/>
    </row>
    <row r="246" spans="2:6" s="2" customFormat="1" ht="34.5" customHeight="1" x14ac:dyDescent="0.25">
      <c r="B246" s="51" t="s">
        <v>331</v>
      </c>
      <c r="C246" s="27" t="s">
        <v>332</v>
      </c>
      <c r="D246" s="52"/>
      <c r="E246" s="87"/>
      <c r="F246" s="88"/>
    </row>
    <row r="247" spans="2:6" s="2" customFormat="1" ht="69" customHeight="1" x14ac:dyDescent="0.25">
      <c r="B247" s="78" t="s">
        <v>85</v>
      </c>
      <c r="C247" s="27" t="s">
        <v>117</v>
      </c>
      <c r="D247" s="52"/>
      <c r="E247" s="87"/>
      <c r="F247" s="88"/>
    </row>
    <row r="248" spans="2:6" s="2" customFormat="1" ht="57.75" customHeight="1" x14ac:dyDescent="0.25">
      <c r="B248" s="51" t="s">
        <v>333</v>
      </c>
      <c r="C248" s="27" t="s">
        <v>334</v>
      </c>
      <c r="D248" s="52"/>
      <c r="E248" s="87"/>
      <c r="F248" s="88"/>
    </row>
    <row r="249" spans="2:6" s="2" customFormat="1" ht="48" customHeight="1" x14ac:dyDescent="0.25">
      <c r="B249" s="51" t="s">
        <v>335</v>
      </c>
      <c r="C249" s="27" t="s">
        <v>336</v>
      </c>
      <c r="D249" s="52"/>
      <c r="E249" s="87"/>
      <c r="F249" s="88"/>
    </row>
    <row r="250" spans="2:6" s="2" customFormat="1" ht="146.25" customHeight="1" x14ac:dyDescent="0.25">
      <c r="B250" s="78" t="s">
        <v>86</v>
      </c>
      <c r="C250" s="27" t="s">
        <v>337</v>
      </c>
      <c r="D250" s="52"/>
      <c r="E250" s="87"/>
      <c r="F250" s="88"/>
    </row>
    <row r="251" spans="2:6" s="2" customFormat="1" ht="108.75" customHeight="1" x14ac:dyDescent="0.25">
      <c r="B251" s="78" t="s">
        <v>87</v>
      </c>
      <c r="C251" s="27" t="s">
        <v>338</v>
      </c>
      <c r="D251" s="52"/>
      <c r="E251" s="87"/>
      <c r="F251" s="88"/>
    </row>
    <row r="252" spans="2:6" s="2" customFormat="1" ht="41.25" customHeight="1" x14ac:dyDescent="0.25">
      <c r="B252" s="78" t="s">
        <v>88</v>
      </c>
      <c r="C252" s="27" t="s">
        <v>118</v>
      </c>
      <c r="D252" s="52"/>
      <c r="E252" s="87"/>
      <c r="F252" s="88"/>
    </row>
    <row r="253" spans="2:6" s="2" customFormat="1" ht="70.5" customHeight="1" x14ac:dyDescent="0.25">
      <c r="B253" s="64" t="s">
        <v>89</v>
      </c>
      <c r="C253" s="27" t="s">
        <v>119</v>
      </c>
      <c r="D253" s="52"/>
      <c r="E253" s="87"/>
      <c r="F253" s="88"/>
    </row>
    <row r="254" spans="2:6" s="2" customFormat="1" ht="92.25" customHeight="1" x14ac:dyDescent="0.25">
      <c r="B254" s="78" t="s">
        <v>90</v>
      </c>
      <c r="C254" s="80" t="s">
        <v>339</v>
      </c>
      <c r="D254" s="52"/>
      <c r="E254" s="87"/>
      <c r="F254" s="88"/>
    </row>
    <row r="255" spans="2:6" s="2" customFormat="1" ht="78" customHeight="1" x14ac:dyDescent="0.25">
      <c r="B255" s="78" t="s">
        <v>91</v>
      </c>
      <c r="C255" s="80" t="s">
        <v>340</v>
      </c>
      <c r="D255" s="52"/>
      <c r="E255" s="87"/>
      <c r="F255" s="88"/>
    </row>
    <row r="256" spans="2:6" s="2" customFormat="1" ht="84.75" customHeight="1" x14ac:dyDescent="0.25">
      <c r="B256" s="78" t="s">
        <v>120</v>
      </c>
      <c r="C256" s="27" t="s">
        <v>289</v>
      </c>
      <c r="D256" s="52"/>
      <c r="E256" s="87"/>
      <c r="F256" s="88"/>
    </row>
    <row r="257" spans="2:6" s="2" customFormat="1" ht="183.75" customHeight="1" x14ac:dyDescent="0.25">
      <c r="B257" s="78" t="s">
        <v>121</v>
      </c>
      <c r="C257" s="27" t="s">
        <v>341</v>
      </c>
      <c r="D257" s="52"/>
      <c r="E257" s="87"/>
      <c r="F257" s="88"/>
    </row>
    <row r="258" spans="2:6" s="2" customFormat="1" ht="97.5" customHeight="1" x14ac:dyDescent="0.25">
      <c r="B258" s="78" t="s">
        <v>151</v>
      </c>
      <c r="C258" s="27" t="s">
        <v>290</v>
      </c>
      <c r="D258" s="52"/>
      <c r="E258" s="87"/>
      <c r="F258" s="88"/>
    </row>
    <row r="259" spans="2:6" s="2" customFormat="1" ht="119.25" customHeight="1" x14ac:dyDescent="0.25">
      <c r="B259" s="78" t="s">
        <v>152</v>
      </c>
      <c r="C259" s="27" t="s">
        <v>342</v>
      </c>
      <c r="D259" s="52"/>
      <c r="E259" s="87"/>
      <c r="F259" s="88"/>
    </row>
    <row r="260" spans="2:6" s="2" customFormat="1" ht="77.25" customHeight="1" thickBot="1" x14ac:dyDescent="0.3">
      <c r="B260" s="79" t="s">
        <v>153</v>
      </c>
      <c r="C260" s="81" t="s">
        <v>343</v>
      </c>
      <c r="D260" s="52"/>
      <c r="E260" s="87"/>
      <c r="F260" s="88"/>
    </row>
    <row r="261" spans="2:6" s="4" customFormat="1" ht="30" customHeight="1" x14ac:dyDescent="0.25">
      <c r="B261" s="91" t="s">
        <v>271</v>
      </c>
      <c r="C261" s="93"/>
      <c r="D261" s="93"/>
      <c r="E261" s="93"/>
      <c r="F261" s="94"/>
    </row>
    <row r="262" spans="2:6" s="2" customFormat="1" ht="46.5" customHeight="1" x14ac:dyDescent="0.25">
      <c r="B262" s="64" t="s">
        <v>16</v>
      </c>
      <c r="C262" s="27" t="s">
        <v>285</v>
      </c>
      <c r="D262" s="77"/>
      <c r="E262" s="87"/>
      <c r="F262" s="88"/>
    </row>
    <row r="263" spans="2:6" s="2" customFormat="1" ht="32.25" customHeight="1" x14ac:dyDescent="0.25">
      <c r="B263" s="64" t="s">
        <v>59</v>
      </c>
      <c r="C263" s="27" t="s">
        <v>284</v>
      </c>
      <c r="D263" s="77"/>
      <c r="E263" s="87"/>
      <c r="F263" s="88"/>
    </row>
    <row r="264" spans="2:6" s="2" customFormat="1" ht="69.75" customHeight="1" x14ac:dyDescent="0.25">
      <c r="B264" s="64" t="s">
        <v>60</v>
      </c>
      <c r="C264" s="27" t="s">
        <v>272</v>
      </c>
      <c r="D264" s="77"/>
      <c r="E264" s="87"/>
      <c r="F264" s="88"/>
    </row>
    <row r="265" spans="2:6" s="2" customFormat="1" ht="41.25" customHeight="1" x14ac:dyDescent="0.25">
      <c r="B265" s="64" t="s">
        <v>61</v>
      </c>
      <c r="C265" s="27" t="s">
        <v>273</v>
      </c>
      <c r="D265" s="77"/>
      <c r="E265" s="87"/>
      <c r="F265" s="88"/>
    </row>
    <row r="266" spans="2:6" s="2" customFormat="1" ht="41.25" customHeight="1" x14ac:dyDescent="0.25">
      <c r="B266" s="64" t="s">
        <v>62</v>
      </c>
      <c r="C266" s="27" t="s">
        <v>274</v>
      </c>
      <c r="D266" s="77"/>
      <c r="E266" s="87"/>
      <c r="F266" s="88"/>
    </row>
    <row r="267" spans="2:6" s="2" customFormat="1" ht="41.25" customHeight="1" x14ac:dyDescent="0.25">
      <c r="B267" s="51" t="s">
        <v>100</v>
      </c>
      <c r="C267" s="27" t="s">
        <v>275</v>
      </c>
      <c r="D267" s="77"/>
      <c r="E267" s="87"/>
      <c r="F267" s="88"/>
    </row>
    <row r="268" spans="2:6" s="2" customFormat="1" ht="66" customHeight="1" x14ac:dyDescent="0.25">
      <c r="B268" s="51" t="s">
        <v>101</v>
      </c>
      <c r="C268" s="27" t="s">
        <v>276</v>
      </c>
      <c r="D268" s="77"/>
      <c r="E268" s="87"/>
      <c r="F268" s="88"/>
    </row>
    <row r="269" spans="2:6" s="2" customFormat="1" ht="66.75" customHeight="1" x14ac:dyDescent="0.25">
      <c r="B269" s="64" t="s">
        <v>63</v>
      </c>
      <c r="C269" s="27" t="s">
        <v>277</v>
      </c>
      <c r="D269" s="77"/>
      <c r="E269" s="87"/>
      <c r="F269" s="88"/>
    </row>
    <row r="270" spans="2:6" s="2" customFormat="1" ht="41.25" customHeight="1" x14ac:dyDescent="0.25">
      <c r="B270" s="64" t="s">
        <v>80</v>
      </c>
      <c r="C270" s="27" t="s">
        <v>344</v>
      </c>
      <c r="D270" s="77"/>
      <c r="E270" s="87"/>
      <c r="F270" s="88"/>
    </row>
    <row r="271" spans="2:6" s="2" customFormat="1" ht="41.25" customHeight="1" x14ac:dyDescent="0.25">
      <c r="B271" s="64" t="s">
        <v>64</v>
      </c>
      <c r="C271" s="27" t="s">
        <v>345</v>
      </c>
      <c r="D271" s="77"/>
      <c r="E271" s="87"/>
      <c r="F271" s="88"/>
    </row>
    <row r="272" spans="2:6" s="2" customFormat="1" ht="41.25" customHeight="1" x14ac:dyDescent="0.25">
      <c r="B272" s="64" t="s">
        <v>65</v>
      </c>
      <c r="C272" s="27" t="s">
        <v>278</v>
      </c>
      <c r="D272" s="77"/>
      <c r="E272" s="87"/>
      <c r="F272" s="88"/>
    </row>
    <row r="273" spans="2:7" s="2" customFormat="1" ht="122.25" customHeight="1" x14ac:dyDescent="0.25">
      <c r="B273" s="64" t="s">
        <v>66</v>
      </c>
      <c r="C273" s="27" t="s">
        <v>279</v>
      </c>
      <c r="D273" s="77"/>
      <c r="E273" s="87"/>
      <c r="F273" s="88"/>
    </row>
    <row r="274" spans="2:7" s="2" customFormat="1" ht="41.25" customHeight="1" x14ac:dyDescent="0.25">
      <c r="B274" s="64" t="s">
        <v>67</v>
      </c>
      <c r="C274" s="27" t="s">
        <v>280</v>
      </c>
      <c r="D274" s="77"/>
      <c r="E274" s="87"/>
      <c r="F274" s="88"/>
    </row>
    <row r="275" spans="2:7" s="2" customFormat="1" ht="41.25" customHeight="1" x14ac:dyDescent="0.25">
      <c r="B275" s="51" t="s">
        <v>281</v>
      </c>
      <c r="C275" s="27" t="s">
        <v>346</v>
      </c>
      <c r="D275" s="77"/>
      <c r="E275" s="87"/>
      <c r="F275" s="88"/>
    </row>
    <row r="276" spans="2:7" s="2" customFormat="1" ht="86.25" customHeight="1" x14ac:dyDescent="0.25">
      <c r="B276" s="51" t="s">
        <v>282</v>
      </c>
      <c r="C276" s="27" t="s">
        <v>301</v>
      </c>
      <c r="D276" s="77"/>
      <c r="E276" s="87"/>
      <c r="F276" s="88"/>
    </row>
    <row r="277" spans="2:7" s="2" customFormat="1" ht="87.75" customHeight="1" x14ac:dyDescent="0.25">
      <c r="B277" s="64" t="s">
        <v>81</v>
      </c>
      <c r="C277" s="27" t="s">
        <v>283</v>
      </c>
      <c r="D277" s="77"/>
      <c r="E277" s="87"/>
      <c r="F277" s="88"/>
    </row>
    <row r="278" spans="2:7" s="2" customFormat="1" ht="41.25" customHeight="1" x14ac:dyDescent="0.25">
      <c r="B278" s="64" t="s">
        <v>82</v>
      </c>
      <c r="C278" s="27" t="s">
        <v>347</v>
      </c>
      <c r="D278" s="77"/>
      <c r="E278" s="87"/>
      <c r="F278" s="88"/>
    </row>
    <row r="279" spans="2:7" s="2" customFormat="1" ht="41.25" customHeight="1" x14ac:dyDescent="0.25">
      <c r="B279" s="64" t="s">
        <v>68</v>
      </c>
      <c r="C279" s="27" t="s">
        <v>348</v>
      </c>
      <c r="D279" s="77"/>
      <c r="E279" s="87"/>
      <c r="F279" s="88"/>
    </row>
    <row r="280" spans="2:7" s="2" customFormat="1" ht="57" customHeight="1" x14ac:dyDescent="0.25">
      <c r="B280" s="64" t="s">
        <v>83</v>
      </c>
      <c r="C280" s="27" t="s">
        <v>349</v>
      </c>
      <c r="D280" s="77"/>
      <c r="E280" s="87"/>
      <c r="F280" s="88"/>
    </row>
    <row r="281" spans="2:7" s="2" customFormat="1" ht="41.25" customHeight="1" x14ac:dyDescent="0.25">
      <c r="B281" s="64" t="s">
        <v>84</v>
      </c>
      <c r="C281" s="27" t="s">
        <v>286</v>
      </c>
      <c r="D281" s="77"/>
      <c r="E281" s="87"/>
      <c r="F281" s="88"/>
    </row>
    <row r="282" spans="2:7" s="2" customFormat="1" ht="60" customHeight="1" x14ac:dyDescent="0.25">
      <c r="B282" s="64" t="s">
        <v>85</v>
      </c>
      <c r="C282" s="27" t="s">
        <v>287</v>
      </c>
      <c r="D282" s="77"/>
      <c r="E282" s="87"/>
      <c r="F282" s="88"/>
    </row>
    <row r="283" spans="2:7" s="2" customFormat="1" ht="170.25" customHeight="1" x14ac:dyDescent="0.25">
      <c r="B283" s="64" t="s">
        <v>86</v>
      </c>
      <c r="C283" s="27" t="s">
        <v>288</v>
      </c>
      <c r="D283" s="77"/>
      <c r="E283" s="87"/>
      <c r="F283" s="88"/>
    </row>
    <row r="284" spans="2:7" s="2" customFormat="1" ht="84.75" customHeight="1" x14ac:dyDescent="0.25">
      <c r="B284" s="64" t="s">
        <v>87</v>
      </c>
      <c r="C284" s="27" t="s">
        <v>289</v>
      </c>
      <c r="D284" s="77"/>
      <c r="E284" s="87"/>
      <c r="F284" s="88"/>
    </row>
    <row r="285" spans="2:7" s="2" customFormat="1" ht="95.25" customHeight="1" x14ac:dyDescent="0.25">
      <c r="B285" s="64" t="s">
        <v>88</v>
      </c>
      <c r="C285" s="27" t="s">
        <v>290</v>
      </c>
      <c r="D285" s="77"/>
      <c r="E285" s="87"/>
      <c r="F285" s="88"/>
    </row>
    <row r="286" spans="2:7" s="2" customFormat="1" ht="101.25" customHeight="1" x14ac:dyDescent="0.25">
      <c r="B286" s="64" t="s">
        <v>89</v>
      </c>
      <c r="C286" s="27" t="s">
        <v>342</v>
      </c>
      <c r="D286" s="77"/>
      <c r="E286" s="87"/>
      <c r="F286" s="88"/>
    </row>
    <row r="287" spans="2:7" s="2" customFormat="1" ht="70.5" customHeight="1" thickBot="1" x14ac:dyDescent="0.3">
      <c r="B287" s="65" t="s">
        <v>89</v>
      </c>
      <c r="C287" s="81" t="s">
        <v>343</v>
      </c>
      <c r="D287" s="53"/>
      <c r="E287" s="89"/>
      <c r="F287" s="90"/>
    </row>
    <row r="288" spans="2:7" s="3" customFormat="1" ht="5.0999999999999996" customHeight="1" x14ac:dyDescent="0.25">
      <c r="B288" s="5"/>
      <c r="C288" s="5"/>
      <c r="D288" s="7"/>
      <c r="E288" s="7"/>
      <c r="F288" s="26"/>
      <c r="G288" s="2"/>
    </row>
    <row r="289" spans="2:7" s="2" customFormat="1" ht="20.100000000000001" customHeight="1" x14ac:dyDescent="0.25">
      <c r="B289" s="111" t="s">
        <v>55</v>
      </c>
      <c r="C289" s="111"/>
      <c r="D289" s="111"/>
      <c r="E289" s="111"/>
      <c r="F289" s="111"/>
    </row>
    <row r="290" spans="2:7" s="2" customFormat="1" ht="4.5" customHeight="1" thickBot="1" x14ac:dyDescent="0.3"/>
    <row r="291" spans="2:7" s="2" customFormat="1" ht="80.25" customHeight="1" x14ac:dyDescent="0.25">
      <c r="B291" s="117" t="s">
        <v>56</v>
      </c>
      <c r="C291" s="118"/>
      <c r="D291" s="135" t="s">
        <v>57</v>
      </c>
      <c r="E291" s="136"/>
      <c r="F291" s="137"/>
    </row>
    <row r="292" spans="2:7" s="3" customFormat="1" ht="29.25" customHeight="1" thickBot="1" x14ac:dyDescent="0.3">
      <c r="B292" s="119"/>
      <c r="C292" s="120"/>
      <c r="D292" s="24" t="s">
        <v>7</v>
      </c>
      <c r="E292" s="138" t="s">
        <v>32</v>
      </c>
      <c r="F292" s="139"/>
      <c r="G292" s="2"/>
    </row>
    <row r="293" spans="2:7" s="3" customFormat="1" ht="27" customHeight="1" x14ac:dyDescent="0.25">
      <c r="B293" s="56" t="s">
        <v>16</v>
      </c>
      <c r="C293" s="57" t="s">
        <v>71</v>
      </c>
      <c r="D293" s="58"/>
      <c r="E293" s="133"/>
      <c r="F293" s="134"/>
      <c r="G293" s="2"/>
    </row>
    <row r="294" spans="2:7" s="3" customFormat="1" ht="30.75" customHeight="1" thickBot="1" x14ac:dyDescent="0.3">
      <c r="B294" s="59" t="s">
        <v>59</v>
      </c>
      <c r="C294" s="67" t="s">
        <v>58</v>
      </c>
      <c r="D294" s="60"/>
      <c r="E294" s="89"/>
      <c r="F294" s="90"/>
      <c r="G294" s="2"/>
    </row>
    <row r="295" spans="2:7" s="2" customFormat="1" ht="5.0999999999999996" customHeight="1" x14ac:dyDescent="0.25">
      <c r="B295" s="5"/>
      <c r="C295" s="5"/>
      <c r="D295" s="7"/>
      <c r="E295" s="7"/>
      <c r="F295" s="26"/>
    </row>
    <row r="296" spans="2:7" s="2" customFormat="1" ht="20.100000000000001" customHeight="1" x14ac:dyDescent="0.25">
      <c r="B296" s="111" t="s">
        <v>15</v>
      </c>
      <c r="C296" s="111"/>
      <c r="D296" s="111"/>
      <c r="E296" s="111"/>
      <c r="F296" s="111"/>
    </row>
    <row r="297" spans="2:7" s="3" customFormat="1" ht="30" customHeight="1" x14ac:dyDescent="0.25">
      <c r="B297" s="5" t="s">
        <v>17</v>
      </c>
      <c r="C297" s="126" t="s">
        <v>49</v>
      </c>
      <c r="D297" s="126"/>
      <c r="E297" s="126"/>
      <c r="F297" s="126"/>
      <c r="G297" s="2"/>
    </row>
    <row r="298" spans="2:7" s="29" customFormat="1" ht="30" customHeight="1" x14ac:dyDescent="0.25">
      <c r="B298" s="5" t="s">
        <v>33</v>
      </c>
      <c r="C298" s="126" t="s">
        <v>34</v>
      </c>
      <c r="D298" s="126"/>
      <c r="E298" s="126"/>
      <c r="F298" s="126"/>
      <c r="G298" s="2"/>
    </row>
    <row r="299" spans="2:7" s="29" customFormat="1" ht="30" customHeight="1" x14ac:dyDescent="0.25">
      <c r="B299" s="127" t="s">
        <v>35</v>
      </c>
      <c r="C299" s="127"/>
      <c r="D299" s="127"/>
      <c r="E299" s="127"/>
      <c r="F299" s="3"/>
      <c r="G299" s="2"/>
    </row>
    <row r="300" spans="2:7" s="2" customFormat="1" ht="24.95" customHeight="1" x14ac:dyDescent="0.25">
      <c r="B300" s="28" t="s">
        <v>36</v>
      </c>
      <c r="C300" s="124"/>
      <c r="D300" s="124"/>
      <c r="F300" s="29"/>
    </row>
    <row r="301" spans="2:7" s="2" customFormat="1" ht="24.95" customHeight="1" x14ac:dyDescent="0.25">
      <c r="B301" s="28" t="s">
        <v>37</v>
      </c>
      <c r="C301" s="124"/>
      <c r="D301" s="124"/>
      <c r="F301" s="29"/>
    </row>
    <row r="302" spans="2:7" s="2" customFormat="1" ht="24.95" customHeight="1" x14ac:dyDescent="0.25">
      <c r="B302" s="28" t="s">
        <v>38</v>
      </c>
      <c r="C302" s="124"/>
      <c r="D302" s="124"/>
      <c r="F302" s="29"/>
    </row>
    <row r="303" spans="2:7" s="3" customFormat="1" ht="24.95" customHeight="1" x14ac:dyDescent="0.25">
      <c r="B303" s="28" t="s">
        <v>39</v>
      </c>
      <c r="C303" s="124"/>
      <c r="D303" s="124"/>
      <c r="E303" s="2"/>
      <c r="F303" s="30"/>
      <c r="G303" s="2"/>
    </row>
    <row r="304" spans="2:7" s="2" customFormat="1" ht="14.25" customHeight="1" x14ac:dyDescent="0.2">
      <c r="B304" s="11"/>
      <c r="C304" s="12"/>
      <c r="D304" s="12"/>
      <c r="F304" s="31"/>
    </row>
    <row r="305" spans="2:6" s="3" customFormat="1" ht="15" customHeight="1" x14ac:dyDescent="0.25">
      <c r="B305" s="128" t="s">
        <v>40</v>
      </c>
      <c r="C305" s="128"/>
      <c r="D305" s="128"/>
      <c r="E305" s="128"/>
      <c r="F305" s="128"/>
    </row>
    <row r="306" spans="2:6" s="2" customFormat="1" ht="36.75" customHeight="1" x14ac:dyDescent="0.25">
      <c r="B306" s="125" t="s">
        <v>52</v>
      </c>
      <c r="C306" s="125"/>
      <c r="D306" s="125"/>
      <c r="E306" s="125"/>
      <c r="F306" s="125"/>
    </row>
    <row r="307" spans="2:6" s="2" customFormat="1" ht="20.100000000000001" customHeight="1" x14ac:dyDescent="0.2">
      <c r="B307" s="1"/>
      <c r="C307" s="1"/>
      <c r="D307" s="8"/>
      <c r="E307" s="8"/>
    </row>
    <row r="308" spans="2:6" s="3" customFormat="1" ht="4.5" customHeight="1" x14ac:dyDescent="0.2">
      <c r="B308" s="1"/>
      <c r="C308" s="1"/>
      <c r="D308" s="8"/>
      <c r="E308" s="8"/>
      <c r="F308" s="2"/>
    </row>
    <row r="309" spans="2:6" s="3" customFormat="1" ht="20.100000000000001" customHeight="1" x14ac:dyDescent="0.25">
      <c r="B309" s="32" t="s">
        <v>41</v>
      </c>
      <c r="C309" s="33"/>
      <c r="D309" s="34" t="s">
        <v>42</v>
      </c>
      <c r="E309" s="122"/>
      <c r="F309" s="122"/>
    </row>
    <row r="310" spans="2:6" s="3" customFormat="1" ht="20.100000000000001" customHeight="1" x14ac:dyDescent="0.25">
      <c r="B310" s="35"/>
      <c r="C310" s="35"/>
      <c r="D310" s="35"/>
      <c r="E310" s="36"/>
      <c r="F310" s="36"/>
    </row>
    <row r="311" spans="2:6" ht="20.100000000000001" customHeight="1" x14ac:dyDescent="0.2">
      <c r="B311" s="32" t="s">
        <v>43</v>
      </c>
      <c r="C311" s="33"/>
      <c r="D311" s="37" t="s">
        <v>44</v>
      </c>
      <c r="E311" s="123"/>
      <c r="F311" s="123"/>
    </row>
    <row r="312" spans="2:6" s="2" customFormat="1" ht="20.100000000000001" customHeight="1" x14ac:dyDescent="0.2">
      <c r="B312" s="1"/>
      <c r="C312" s="1"/>
      <c r="D312" s="37" t="s">
        <v>45</v>
      </c>
      <c r="E312" s="124"/>
      <c r="F312" s="124"/>
    </row>
    <row r="313" spans="2:6" s="2" customFormat="1" ht="20.100000000000001" customHeight="1" x14ac:dyDescent="0.2">
      <c r="B313" s="1"/>
      <c r="C313" s="1"/>
      <c r="D313" s="38" t="s">
        <v>46</v>
      </c>
      <c r="E313" s="1"/>
    </row>
    <row r="314" spans="2:6" s="2" customFormat="1" ht="37.5" customHeight="1" x14ac:dyDescent="0.25"/>
    <row r="315" spans="2:6" s="2" customFormat="1" ht="24" customHeight="1" x14ac:dyDescent="0.25"/>
    <row r="316" spans="2:6" s="2" customFormat="1" ht="24" customHeight="1" x14ac:dyDescent="0.25"/>
    <row r="317" spans="2:6" s="2" customFormat="1" ht="24" customHeight="1" x14ac:dyDescent="0.25"/>
    <row r="318" spans="2:6" s="2" customFormat="1" ht="20.100000000000001" customHeight="1" x14ac:dyDescent="0.25"/>
    <row r="319" spans="2:6" s="2" customFormat="1" ht="20.100000000000001" customHeight="1" x14ac:dyDescent="0.25"/>
    <row r="320" spans="2:6" s="2" customFormat="1" ht="50.1" customHeight="1" x14ac:dyDescent="0.25"/>
    <row r="321" spans="2:5" s="2" customFormat="1" ht="43.5" customHeight="1" x14ac:dyDescent="0.25"/>
    <row r="322" spans="2:5" ht="24.75" customHeight="1" x14ac:dyDescent="0.2">
      <c r="B322" s="2"/>
      <c r="C322" s="2"/>
      <c r="D322" s="2"/>
      <c r="E322" s="2"/>
    </row>
    <row r="323" spans="2:5" x14ac:dyDescent="0.2">
      <c r="B323" s="2"/>
      <c r="C323" s="2"/>
      <c r="D323" s="2"/>
      <c r="E323" s="2"/>
    </row>
    <row r="324" spans="2:5" ht="20.100000000000001" customHeight="1" x14ac:dyDescent="0.2"/>
    <row r="325" spans="2:5" ht="4.5" customHeight="1" x14ac:dyDescent="0.2"/>
    <row r="326" spans="2:5" ht="20.100000000000001" customHeight="1" x14ac:dyDescent="0.2"/>
    <row r="327" spans="2:5" ht="20.100000000000001" customHeight="1" x14ac:dyDescent="0.2"/>
    <row r="328" spans="2:5" ht="20.100000000000001" customHeight="1" x14ac:dyDescent="0.2"/>
  </sheetData>
  <mergeCells count="288">
    <mergeCell ref="E97:F97"/>
    <mergeCell ref="E98:F98"/>
    <mergeCell ref="E99:F99"/>
    <mergeCell ref="E100:F100"/>
    <mergeCell ref="E103:F103"/>
    <mergeCell ref="E104:F104"/>
    <mergeCell ref="E109:F109"/>
    <mergeCell ref="B110:F110"/>
    <mergeCell ref="D42:F42"/>
    <mergeCell ref="E43:F43"/>
    <mergeCell ref="B25:F25"/>
    <mergeCell ref="C30:D30"/>
    <mergeCell ref="B36:C36"/>
    <mergeCell ref="E74:F74"/>
    <mergeCell ref="E75:F75"/>
    <mergeCell ref="E76:F76"/>
    <mergeCell ref="E91:F91"/>
    <mergeCell ref="E86:F86"/>
    <mergeCell ref="E87:F87"/>
    <mergeCell ref="E88:F88"/>
    <mergeCell ref="E89:F89"/>
    <mergeCell ref="E90:F90"/>
    <mergeCell ref="E77:F77"/>
    <mergeCell ref="E78:F78"/>
    <mergeCell ref="E79:F79"/>
    <mergeCell ref="E80:F80"/>
    <mergeCell ref="E81:F81"/>
    <mergeCell ref="E82:F82"/>
    <mergeCell ref="E83:F83"/>
    <mergeCell ref="E84:F84"/>
    <mergeCell ref="E85:F85"/>
    <mergeCell ref="E294:F294"/>
    <mergeCell ref="B289:F289"/>
    <mergeCell ref="B291:C292"/>
    <mergeCell ref="D291:F291"/>
    <mergeCell ref="E292:F292"/>
    <mergeCell ref="E55:F55"/>
    <mergeCell ref="E56:F56"/>
    <mergeCell ref="E206:F206"/>
    <mergeCell ref="E59:F59"/>
    <mergeCell ref="E60:F60"/>
    <mergeCell ref="E61:F61"/>
    <mergeCell ref="E62:F62"/>
    <mergeCell ref="E67:F67"/>
    <mergeCell ref="E63:F63"/>
    <mergeCell ref="E64:F64"/>
    <mergeCell ref="E65:F65"/>
    <mergeCell ref="E66:F66"/>
    <mergeCell ref="E68:F68"/>
    <mergeCell ref="E69:F69"/>
    <mergeCell ref="E70:F70"/>
    <mergeCell ref="E71:F71"/>
    <mergeCell ref="E72:F72"/>
    <mergeCell ref="E73:F73"/>
    <mergeCell ref="E57:F57"/>
    <mergeCell ref="B2:F2"/>
    <mergeCell ref="B1:F1"/>
    <mergeCell ref="B26:C26"/>
    <mergeCell ref="B29:C29"/>
    <mergeCell ref="E293:F293"/>
    <mergeCell ref="E208:F208"/>
    <mergeCell ref="E209:F209"/>
    <mergeCell ref="E210:F210"/>
    <mergeCell ref="E211:F211"/>
    <mergeCell ref="E212:F212"/>
    <mergeCell ref="E213:F213"/>
    <mergeCell ref="E207:F207"/>
    <mergeCell ref="B200:F200"/>
    <mergeCell ref="B202:C203"/>
    <mergeCell ref="D202:F202"/>
    <mergeCell ref="E203:F203"/>
    <mergeCell ref="E112:F112"/>
    <mergeCell ref="E52:F52"/>
    <mergeCell ref="B24:F24"/>
    <mergeCell ref="B19:D19"/>
    <mergeCell ref="B20:D20"/>
    <mergeCell ref="B21:F21"/>
    <mergeCell ref="B23:D23"/>
    <mergeCell ref="E54:F54"/>
    <mergeCell ref="E309:F309"/>
    <mergeCell ref="E311:F311"/>
    <mergeCell ref="E312:F312"/>
    <mergeCell ref="B306:F306"/>
    <mergeCell ref="B296:F296"/>
    <mergeCell ref="C297:F297"/>
    <mergeCell ref="C298:F298"/>
    <mergeCell ref="B299:E299"/>
    <mergeCell ref="B305:F305"/>
    <mergeCell ref="C300:D300"/>
    <mergeCell ref="C301:D301"/>
    <mergeCell ref="C302:D302"/>
    <mergeCell ref="C303:D303"/>
    <mergeCell ref="B3:F3"/>
    <mergeCell ref="B7:F7"/>
    <mergeCell ref="B8:F8"/>
    <mergeCell ref="B9:F9"/>
    <mergeCell ref="B11:F11"/>
    <mergeCell ref="B12:D12"/>
    <mergeCell ref="E205:F205"/>
    <mergeCell ref="E46:F46"/>
    <mergeCell ref="B44:F44"/>
    <mergeCell ref="E45:F45"/>
    <mergeCell ref="E113:F113"/>
    <mergeCell ref="E166:F166"/>
    <mergeCell ref="C34:D34"/>
    <mergeCell ref="E167:F167"/>
    <mergeCell ref="C31:D31"/>
    <mergeCell ref="B16:D16"/>
    <mergeCell ref="B40:F40"/>
    <mergeCell ref="B42:C43"/>
    <mergeCell ref="B14:D14"/>
    <mergeCell ref="E47:F47"/>
    <mergeCell ref="E48:F48"/>
    <mergeCell ref="E49:F49"/>
    <mergeCell ref="B22:F22"/>
    <mergeCell ref="B15:D15"/>
    <mergeCell ref="E175:F175"/>
    <mergeCell ref="E176:F176"/>
    <mergeCell ref="E177:F177"/>
    <mergeCell ref="E178:F178"/>
    <mergeCell ref="E179:F179"/>
    <mergeCell ref="E180:F180"/>
    <mergeCell ref="B13:D13"/>
    <mergeCell ref="C32:D32"/>
    <mergeCell ref="C33:D33"/>
    <mergeCell ref="E154:F154"/>
    <mergeCell ref="E155:F155"/>
    <mergeCell ref="E156:F156"/>
    <mergeCell ref="E157:F157"/>
    <mergeCell ref="E158:F158"/>
    <mergeCell ref="E159:F159"/>
    <mergeCell ref="E160:F160"/>
    <mergeCell ref="E161:F161"/>
    <mergeCell ref="E162:F162"/>
    <mergeCell ref="E163:F163"/>
    <mergeCell ref="E164:F164"/>
    <mergeCell ref="E58:F58"/>
    <mergeCell ref="E50:F50"/>
    <mergeCell ref="E51:F51"/>
    <mergeCell ref="E53:F53"/>
    <mergeCell ref="E214:F214"/>
    <mergeCell ref="E215:F215"/>
    <mergeCell ref="E216:F216"/>
    <mergeCell ref="E217:F217"/>
    <mergeCell ref="E218:F218"/>
    <mergeCell ref="E219:F219"/>
    <mergeCell ref="E220:F220"/>
    <mergeCell ref="E224:F224"/>
    <mergeCell ref="E192:F192"/>
    <mergeCell ref="E198:F198"/>
    <mergeCell ref="E221:F221"/>
    <mergeCell ref="E222:F222"/>
    <mergeCell ref="E223:F223"/>
    <mergeCell ref="E225:F225"/>
    <mergeCell ref="E226:F226"/>
    <mergeCell ref="E227:F227"/>
    <mergeCell ref="E228:F228"/>
    <mergeCell ref="E229:F229"/>
    <mergeCell ref="E230:F230"/>
    <mergeCell ref="E231:F231"/>
    <mergeCell ref="E232:F232"/>
    <mergeCell ref="E233:F233"/>
    <mergeCell ref="E249:F249"/>
    <mergeCell ref="E250:F250"/>
    <mergeCell ref="E251:F251"/>
    <mergeCell ref="E234:F234"/>
    <mergeCell ref="E235:F235"/>
    <mergeCell ref="E236:F236"/>
    <mergeCell ref="E237:F237"/>
    <mergeCell ref="E238:F238"/>
    <mergeCell ref="E239:F239"/>
    <mergeCell ref="E240:F240"/>
    <mergeCell ref="E241:F241"/>
    <mergeCell ref="E242:F242"/>
    <mergeCell ref="E114:F114"/>
    <mergeCell ref="E115:F115"/>
    <mergeCell ref="E116:F116"/>
    <mergeCell ref="E117:F117"/>
    <mergeCell ref="E118:F118"/>
    <mergeCell ref="E105:F105"/>
    <mergeCell ref="E106:F106"/>
    <mergeCell ref="E107:F107"/>
    <mergeCell ref="E108:F108"/>
    <mergeCell ref="E111:F111"/>
    <mergeCell ref="E119:F119"/>
    <mergeCell ref="E120:F120"/>
    <mergeCell ref="E121:F121"/>
    <mergeCell ref="E122:F122"/>
    <mergeCell ref="E123:F123"/>
    <mergeCell ref="E124:F124"/>
    <mergeCell ref="E125:F125"/>
    <mergeCell ref="E126:F126"/>
    <mergeCell ref="E127:F127"/>
    <mergeCell ref="E128:F128"/>
    <mergeCell ref="E129:F129"/>
    <mergeCell ref="E130:F130"/>
    <mergeCell ref="E131:F131"/>
    <mergeCell ref="E132:F132"/>
    <mergeCell ref="E133:F133"/>
    <mergeCell ref="E134:F134"/>
    <mergeCell ref="E135:F135"/>
    <mergeCell ref="E136:F136"/>
    <mergeCell ref="E137:F137"/>
    <mergeCell ref="E138:F138"/>
    <mergeCell ref="E139:F139"/>
    <mergeCell ref="E140:F140"/>
    <mergeCell ref="E141:F141"/>
    <mergeCell ref="E142:F142"/>
    <mergeCell ref="E143:F143"/>
    <mergeCell ref="E144:F144"/>
    <mergeCell ref="E145:F145"/>
    <mergeCell ref="E146:F146"/>
    <mergeCell ref="E147:F147"/>
    <mergeCell ref="E148:F148"/>
    <mergeCell ref="E149:F149"/>
    <mergeCell ref="E150:F150"/>
    <mergeCell ref="E151:F151"/>
    <mergeCell ref="E152:F152"/>
    <mergeCell ref="E153:F153"/>
    <mergeCell ref="E174:F174"/>
    <mergeCell ref="E173:F173"/>
    <mergeCell ref="E172:F172"/>
    <mergeCell ref="E171:F171"/>
    <mergeCell ref="E170:F170"/>
    <mergeCell ref="E169:F169"/>
    <mergeCell ref="E168:F168"/>
    <mergeCell ref="B165:F165"/>
    <mergeCell ref="B166:C166"/>
    <mergeCell ref="E181:F181"/>
    <mergeCell ref="B182:F182"/>
    <mergeCell ref="B183:C183"/>
    <mergeCell ref="E183:F183"/>
    <mergeCell ref="E193:F193"/>
    <mergeCell ref="E194:F194"/>
    <mergeCell ref="E195:F195"/>
    <mergeCell ref="E196:F196"/>
    <mergeCell ref="E197:F197"/>
    <mergeCell ref="E186:F186"/>
    <mergeCell ref="E184:F184"/>
    <mergeCell ref="E185:F185"/>
    <mergeCell ref="E187:F187"/>
    <mergeCell ref="E188:F188"/>
    <mergeCell ref="E189:F189"/>
    <mergeCell ref="E190:F190"/>
    <mergeCell ref="E191:F191"/>
    <mergeCell ref="E285:F285"/>
    <mergeCell ref="E286:F286"/>
    <mergeCell ref="E287:F287"/>
    <mergeCell ref="B204:F204"/>
    <mergeCell ref="E260:F260"/>
    <mergeCell ref="B261:F261"/>
    <mergeCell ref="E262:F262"/>
    <mergeCell ref="E263:F263"/>
    <mergeCell ref="E264:F264"/>
    <mergeCell ref="E265:F265"/>
    <mergeCell ref="E252:F252"/>
    <mergeCell ref="E253:F253"/>
    <mergeCell ref="E254:F254"/>
    <mergeCell ref="E255:F255"/>
    <mergeCell ref="E256:F256"/>
    <mergeCell ref="E257:F257"/>
    <mergeCell ref="E258:F258"/>
    <mergeCell ref="E259:F259"/>
    <mergeCell ref="E243:F243"/>
    <mergeCell ref="E244:F244"/>
    <mergeCell ref="E245:F245"/>
    <mergeCell ref="E246:F246"/>
    <mergeCell ref="E247:F247"/>
    <mergeCell ref="E248:F248"/>
    <mergeCell ref="E266:F266"/>
    <mergeCell ref="E267:F267"/>
    <mergeCell ref="E268:F268"/>
    <mergeCell ref="E269:F269"/>
    <mergeCell ref="E284:F284"/>
    <mergeCell ref="E270:F270"/>
    <mergeCell ref="E271:F271"/>
    <mergeCell ref="E272:F272"/>
    <mergeCell ref="E273:F273"/>
    <mergeCell ref="E274:F274"/>
    <mergeCell ref="E275:F275"/>
    <mergeCell ref="E276:F276"/>
    <mergeCell ref="E277:F277"/>
    <mergeCell ref="E278:F278"/>
    <mergeCell ref="E279:F279"/>
    <mergeCell ref="E280:F280"/>
    <mergeCell ref="E281:F281"/>
    <mergeCell ref="E282:F282"/>
    <mergeCell ref="E283:F283"/>
  </mergeCells>
  <conditionalFormatting sqref="D52 D65:D74 D76:D87 D213:D215 D217:D260 D89:D109">
    <cfRule type="containsBlanks" dxfId="57" priority="111">
      <formula>LEN(TRIM(D52))=0</formula>
    </cfRule>
  </conditionalFormatting>
  <conditionalFormatting sqref="E311:F311">
    <cfRule type="containsBlanks" dxfId="56" priority="110">
      <formula>LEN(TRIM(E311))=0</formula>
    </cfRule>
  </conditionalFormatting>
  <conditionalFormatting sqref="C309">
    <cfRule type="containsBlanks" dxfId="55" priority="108">
      <formula>LEN(TRIM(C309))=0</formula>
    </cfRule>
  </conditionalFormatting>
  <conditionalFormatting sqref="E312:F312">
    <cfRule type="containsBlanks" dxfId="54" priority="109">
      <formula>LEN(TRIM(E312))=0</formula>
    </cfRule>
  </conditionalFormatting>
  <conditionalFormatting sqref="C311">
    <cfRule type="containsBlanks" dxfId="53" priority="107">
      <formula>LEN(TRIM(C311))=0</formula>
    </cfRule>
  </conditionalFormatting>
  <conditionalFormatting sqref="C4:C5">
    <cfRule type="containsBlanks" dxfId="52" priority="106">
      <formula>LEN(TRIM(C4))=0</formula>
    </cfRule>
  </conditionalFormatting>
  <conditionalFormatting sqref="D45">
    <cfRule type="containsBlanks" dxfId="51" priority="105">
      <formula>LEN(TRIM(D45))=0</formula>
    </cfRule>
  </conditionalFormatting>
  <conditionalFormatting sqref="D293">
    <cfRule type="containsBlanks" dxfId="50" priority="100">
      <formula>LEN(TRIM(D293))=0</formula>
    </cfRule>
  </conditionalFormatting>
  <conditionalFormatting sqref="C302:D302">
    <cfRule type="containsBlanks" dxfId="49" priority="96">
      <formula>LEN(TRIM(C302))=0</formula>
    </cfRule>
  </conditionalFormatting>
  <conditionalFormatting sqref="D49">
    <cfRule type="containsBlanks" dxfId="48" priority="81">
      <formula>LEN(TRIM(D49))=0</formula>
    </cfRule>
  </conditionalFormatting>
  <conditionalFormatting sqref="D50">
    <cfRule type="containsBlanks" dxfId="47" priority="80">
      <formula>LEN(TRIM(D50))=0</formula>
    </cfRule>
  </conditionalFormatting>
  <conditionalFormatting sqref="D51">
    <cfRule type="containsBlanks" dxfId="46" priority="79">
      <formula>LEN(TRIM(D51))=0</formula>
    </cfRule>
  </conditionalFormatting>
  <conditionalFormatting sqref="D48">
    <cfRule type="containsBlanks" dxfId="45" priority="77">
      <formula>LEN(TRIM(D48))=0</formula>
    </cfRule>
  </conditionalFormatting>
  <conditionalFormatting sqref="D53">
    <cfRule type="containsBlanks" dxfId="44" priority="76">
      <formula>LEN(TRIM(D53))=0</formula>
    </cfRule>
  </conditionalFormatting>
  <conditionalFormatting sqref="D46:D47">
    <cfRule type="containsBlanks" dxfId="43" priority="78">
      <formula>LEN(TRIM(D46))=0</formula>
    </cfRule>
  </conditionalFormatting>
  <conditionalFormatting sqref="D54">
    <cfRule type="containsBlanks" dxfId="42" priority="74">
      <formula>LEN(TRIM(D54))=0</formula>
    </cfRule>
  </conditionalFormatting>
  <conditionalFormatting sqref="D167">
    <cfRule type="containsBlanks" dxfId="41" priority="55">
      <formula>LEN(TRIM(D167))=0</formula>
    </cfRule>
  </conditionalFormatting>
  <conditionalFormatting sqref="D55:D64">
    <cfRule type="containsBlanks" dxfId="40" priority="60">
      <formula>LEN(TRIM(D55))=0</formula>
    </cfRule>
  </conditionalFormatting>
  <conditionalFormatting sqref="D168:D171">
    <cfRule type="containsBlanks" dxfId="39" priority="59">
      <formula>LEN(TRIM(D168))=0</formula>
    </cfRule>
  </conditionalFormatting>
  <conditionalFormatting sqref="C300:D300">
    <cfRule type="containsBlanks" dxfId="38" priority="46">
      <formula>LEN(TRIM(C300))=0</formula>
    </cfRule>
  </conditionalFormatting>
  <conditionalFormatting sqref="D166">
    <cfRule type="containsBlanks" dxfId="37" priority="51">
      <formula>LEN(TRIM(D166))=0</formula>
    </cfRule>
  </conditionalFormatting>
  <conditionalFormatting sqref="C301:D301">
    <cfRule type="containsBlanks" dxfId="36" priority="47">
      <formula>LEN(TRIM(C301))=0</formula>
    </cfRule>
  </conditionalFormatting>
  <conditionalFormatting sqref="C303:D303">
    <cfRule type="containsBlanks" dxfId="35" priority="45">
      <formula>LEN(TRIM(C303))=0</formula>
    </cfRule>
  </conditionalFormatting>
  <conditionalFormatting sqref="D172:D179">
    <cfRule type="containsBlanks" dxfId="34" priority="44">
      <formula>LEN(TRIM(D172))=0</formula>
    </cfRule>
  </conditionalFormatting>
  <conditionalFormatting sqref="D115">
    <cfRule type="containsBlanks" dxfId="33" priority="30">
      <formula>LEN(TRIM(D115))=0</formula>
    </cfRule>
  </conditionalFormatting>
  <conditionalFormatting sqref="D294">
    <cfRule type="containsBlanks" dxfId="32" priority="38">
      <formula>LEN(TRIM(D294))=0</formula>
    </cfRule>
  </conditionalFormatting>
  <conditionalFormatting sqref="D75">
    <cfRule type="containsBlanks" dxfId="31" priority="41">
      <formula>LEN(TRIM(D75))=0</formula>
    </cfRule>
  </conditionalFormatting>
  <conditionalFormatting sqref="D205:D212">
    <cfRule type="containsBlanks" dxfId="30" priority="40">
      <formula>LEN(TRIM(D205))=0</formula>
    </cfRule>
  </conditionalFormatting>
  <conditionalFormatting sqref="D116">
    <cfRule type="containsBlanks" dxfId="29" priority="29">
      <formula>LEN(TRIM(D116))=0</formula>
    </cfRule>
  </conditionalFormatting>
  <conditionalFormatting sqref="D216">
    <cfRule type="containsBlanks" dxfId="28" priority="37">
      <formula>LEN(TRIM(D216))=0</formula>
    </cfRule>
  </conditionalFormatting>
  <conditionalFormatting sqref="C170:C174 C177:C179">
    <cfRule type="containsBlanks" dxfId="27" priority="36">
      <formula>LEN(TRIM(C170))=0</formula>
    </cfRule>
  </conditionalFormatting>
  <conditionalFormatting sqref="D111">
    <cfRule type="containsBlanks" dxfId="26" priority="31">
      <formula>LEN(TRIM(D111))=0</formula>
    </cfRule>
  </conditionalFormatting>
  <conditionalFormatting sqref="D141">
    <cfRule type="containsBlanks" dxfId="25" priority="22">
      <formula>LEN(TRIM(D141))=0</formula>
    </cfRule>
  </conditionalFormatting>
  <conditionalFormatting sqref="D88">
    <cfRule type="containsBlanks" dxfId="24" priority="33">
      <formula>LEN(TRIM(D88))=0</formula>
    </cfRule>
  </conditionalFormatting>
  <conditionalFormatting sqref="D118 D131:D140 D142:D153 D155:D164">
    <cfRule type="containsBlanks" dxfId="23" priority="32">
      <formula>LEN(TRIM(D118))=0</formula>
    </cfRule>
  </conditionalFormatting>
  <conditionalFormatting sqref="D117">
    <cfRule type="containsBlanks" dxfId="22" priority="28">
      <formula>LEN(TRIM(D117))=0</formula>
    </cfRule>
  </conditionalFormatting>
  <conditionalFormatting sqref="D114">
    <cfRule type="containsBlanks" dxfId="21" priority="26">
      <formula>LEN(TRIM(D114))=0</formula>
    </cfRule>
  </conditionalFormatting>
  <conditionalFormatting sqref="D119">
    <cfRule type="containsBlanks" dxfId="20" priority="25">
      <formula>LEN(TRIM(D119))=0</formula>
    </cfRule>
  </conditionalFormatting>
  <conditionalFormatting sqref="D112:D113">
    <cfRule type="containsBlanks" dxfId="19" priority="27">
      <formula>LEN(TRIM(D112))=0</formula>
    </cfRule>
  </conditionalFormatting>
  <conditionalFormatting sqref="D120">
    <cfRule type="containsBlanks" dxfId="18" priority="24">
      <formula>LEN(TRIM(D120))=0</formula>
    </cfRule>
  </conditionalFormatting>
  <conditionalFormatting sqref="D121:D130">
    <cfRule type="containsBlanks" dxfId="17" priority="23">
      <formula>LEN(TRIM(D121))=0</formula>
    </cfRule>
  </conditionalFormatting>
  <conditionalFormatting sqref="D154">
    <cfRule type="containsBlanks" dxfId="16" priority="21">
      <formula>LEN(TRIM(D154))=0</formula>
    </cfRule>
  </conditionalFormatting>
  <conditionalFormatting sqref="D181">
    <cfRule type="containsBlanks" dxfId="15" priority="20">
      <formula>LEN(TRIM(D181))=0</formula>
    </cfRule>
  </conditionalFormatting>
  <conditionalFormatting sqref="C181">
    <cfRule type="containsBlanks" dxfId="14" priority="19">
      <formula>LEN(TRIM(C181))=0</formula>
    </cfRule>
  </conditionalFormatting>
  <conditionalFormatting sqref="D180">
    <cfRule type="containsBlanks" dxfId="13" priority="18">
      <formula>LEN(TRIM(D180))=0</formula>
    </cfRule>
  </conditionalFormatting>
  <conditionalFormatting sqref="C180">
    <cfRule type="containsBlanks" dxfId="12" priority="17">
      <formula>LEN(TRIM(C180))=0</formula>
    </cfRule>
  </conditionalFormatting>
  <conditionalFormatting sqref="D184">
    <cfRule type="containsBlanks" dxfId="11" priority="15">
      <formula>LEN(TRIM(D184))=0</formula>
    </cfRule>
  </conditionalFormatting>
  <conditionalFormatting sqref="D185:D188">
    <cfRule type="containsBlanks" dxfId="10" priority="16">
      <formula>LEN(TRIM(D185))=0</formula>
    </cfRule>
  </conditionalFormatting>
  <conditionalFormatting sqref="D183">
    <cfRule type="containsBlanks" dxfId="9" priority="14">
      <formula>LEN(TRIM(D183))=0</formula>
    </cfRule>
  </conditionalFormatting>
  <conditionalFormatting sqref="D189:D196">
    <cfRule type="containsBlanks" dxfId="8" priority="13">
      <formula>LEN(TRIM(D189))=0</formula>
    </cfRule>
  </conditionalFormatting>
  <conditionalFormatting sqref="D197">
    <cfRule type="containsBlanks" dxfId="7" priority="9">
      <formula>LEN(TRIM(D197))=0</formula>
    </cfRule>
  </conditionalFormatting>
  <conditionalFormatting sqref="D198">
    <cfRule type="containsBlanks" dxfId="6" priority="11">
      <formula>LEN(TRIM(D198))=0</formula>
    </cfRule>
  </conditionalFormatting>
  <conditionalFormatting sqref="D262">
    <cfRule type="containsBlanks" dxfId="5" priority="7">
      <formula>LEN(TRIM(D262))=0</formula>
    </cfRule>
  </conditionalFormatting>
  <conditionalFormatting sqref="D285:D287">
    <cfRule type="containsBlanks" dxfId="4" priority="5">
      <formula>LEN(TRIM(D285))=0</formula>
    </cfRule>
  </conditionalFormatting>
  <conditionalFormatting sqref="D263:D284">
    <cfRule type="containsBlanks" dxfId="3" priority="6">
      <formula>LEN(TRIM(D263))=0</formula>
    </cfRule>
  </conditionalFormatting>
  <conditionalFormatting sqref="C187:C191 C194:C196">
    <cfRule type="containsBlanks" dxfId="2" priority="3">
      <formula>LEN(TRIM(C187))=0</formula>
    </cfRule>
  </conditionalFormatting>
  <conditionalFormatting sqref="C198">
    <cfRule type="containsBlanks" dxfId="1" priority="2">
      <formula>LEN(TRIM(C198))=0</formula>
    </cfRule>
  </conditionalFormatting>
  <conditionalFormatting sqref="C197">
    <cfRule type="containsBlanks" dxfId="0" priority="1">
      <formula>LEN(TRIM(C197))=0</formula>
    </cfRule>
  </conditionalFormatting>
  <hyperlinks>
    <hyperlink ref="C260" r:id="rId1" tooltip="http://www.vusch.sk" display="http://www.vusch.sk/"/>
    <hyperlink ref="C287" r:id="rId2" tooltip="http://www.vusch.sk" display="http://www.vusch.sk/"/>
  </hyperlinks>
  <printOptions horizontalCentered="1"/>
  <pageMargins left="0.70866141732283472" right="0.70866141732283472" top="0.9055118110236221" bottom="0.74803149606299213" header="0.31496062992125984" footer="0.31496062992125984"/>
  <pageSetup paperSize="9" scale="65" orientation="portrait" r:id="rId3"/>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50" min="1" max="5" man="1"/>
    <brk id="164" min="1" max="5" man="1"/>
    <brk id="199" min="1" max="5" man="1"/>
    <brk id="239" min="1" max="5" man="1"/>
    <brk id="255" min="1" max="5" man="1"/>
  </rowBreaks>
  <drawing r:id="rId4"/>
  <legacyDrawing r:id="rId5"/>
  <mc:AlternateContent xmlns:mc="http://schemas.openxmlformats.org/markup-compatibility/2006">
    <mc:Choice Requires="x14">
      <controls>
        <mc:AlternateContent xmlns:mc="http://schemas.openxmlformats.org/markup-compatibility/2006">
          <mc:Choice Requires="x14">
            <control shapeId="8195" r:id="rId6"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2-01-11T14:35:12Z</cp:lastPrinted>
  <dcterms:created xsi:type="dcterms:W3CDTF">2017-04-21T05:51:15Z</dcterms:created>
  <dcterms:modified xsi:type="dcterms:W3CDTF">2022-01-11T15:24:39Z</dcterms:modified>
</cp:coreProperties>
</file>